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0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95970\OneDrive - Cranfield University\s295970\EngD\Chapters\7. Thesis\4. Completed chapters\Chapter 2\3. Publication version\2. CORD data submission\"/>
    </mc:Choice>
  </mc:AlternateContent>
  <xr:revisionPtr revIDLastSave="0" documentId="13_ncr:1_{10E664E1-EB70-41D3-9ABC-7BA3202EF92A}" xr6:coauthVersionLast="47" xr6:coauthVersionMax="47" xr10:uidLastSave="{00000000-0000-0000-0000-000000000000}"/>
  <bookViews>
    <workbookView xWindow="-120" yWindow="-120" windowWidth="29040" windowHeight="15840" xr2:uid="{F3A4C355-1376-41DE-BFB5-81C8FA04EA8F}"/>
  </bookViews>
  <sheets>
    <sheet name="Contents" sheetId="17" r:id="rId1"/>
    <sheet name="Fig 1,2 &amp; 9" sheetId="12" r:id="rId2"/>
    <sheet name="Fig 4" sheetId="22" r:id="rId3"/>
    <sheet name="Fig 5, 7, 8, 10" sheetId="23" r:id="rId4"/>
    <sheet name="Fig 6" sheetId="25" r:id="rId5"/>
    <sheet name="Fig 11, 12" sheetId="24" r:id="rId6"/>
  </sheets>
  <definedNames>
    <definedName name="_Hlk130041943" localSheetId="0">Contents!$A$1</definedName>
    <definedName name="_Hlk130042002" localSheetId="0">Contents!$A$5</definedName>
    <definedName name="_Toc132033524" localSheetId="0">Contents!$A$1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57" uniqueCount="79">
  <si>
    <r>
      <t>B. Luqmani</t>
    </r>
    <r>
      <rPr>
        <vertAlign val="superscript"/>
        <sz val="11"/>
        <color theme="1"/>
        <rFont val="Arial"/>
        <family val="2"/>
      </rPr>
      <t>a</t>
    </r>
    <r>
      <rPr>
        <sz val="11"/>
        <color theme="1"/>
        <rFont val="Arial"/>
        <family val="2"/>
      </rPr>
      <t>, A. Brookes</t>
    </r>
    <r>
      <rPr>
        <vertAlign val="superscript"/>
        <sz val="11"/>
        <color theme="1"/>
        <rFont val="Arial"/>
        <family val="2"/>
      </rPr>
      <t>b</t>
    </r>
    <r>
      <rPr>
        <sz val="11"/>
        <color theme="1"/>
        <rFont val="Arial"/>
        <family val="2"/>
      </rPr>
      <t>, A. Moore</t>
    </r>
    <r>
      <rPr>
        <vertAlign val="superscript"/>
        <sz val="11"/>
        <color theme="1"/>
        <rFont val="Arial"/>
        <family val="2"/>
      </rPr>
      <t>c</t>
    </r>
    <r>
      <rPr>
        <sz val="11"/>
        <color theme="1"/>
        <rFont val="Arial"/>
        <family val="2"/>
      </rPr>
      <t>, P. Vale</t>
    </r>
    <r>
      <rPr>
        <vertAlign val="superscript"/>
        <sz val="11"/>
        <color theme="1"/>
        <rFont val="Arial"/>
        <family val="2"/>
      </rPr>
      <t>d</t>
    </r>
    <r>
      <rPr>
        <sz val="11"/>
        <color theme="1"/>
        <rFont val="Arial"/>
        <family val="2"/>
      </rPr>
      <t>, M. Pidou</t>
    </r>
    <r>
      <rPr>
        <vertAlign val="superscript"/>
        <sz val="11"/>
        <color theme="1"/>
        <rFont val="Arial"/>
        <family val="2"/>
      </rPr>
      <t>a</t>
    </r>
    <r>
      <rPr>
        <sz val="11"/>
        <color theme="1"/>
        <rFont val="Arial"/>
        <family val="2"/>
      </rPr>
      <t>, E.J. McAdam</t>
    </r>
    <r>
      <rPr>
        <vertAlign val="superscript"/>
        <sz val="11"/>
        <color theme="1"/>
        <rFont val="Arial"/>
        <family val="2"/>
      </rPr>
      <t>a,</t>
    </r>
    <r>
      <rPr>
        <sz val="11"/>
        <color theme="1"/>
        <rFont val="Arial"/>
        <family val="2"/>
      </rPr>
      <t>*</t>
    </r>
  </si>
  <si>
    <r>
      <t>a</t>
    </r>
    <r>
      <rPr>
        <sz val="9"/>
        <color theme="1"/>
        <rFont val="Arial"/>
        <family val="2"/>
      </rPr>
      <t>Cranfield Water Science Institute, Vincent Building, Cranfield University, Bedfordshire, MK43 0AL, UK</t>
    </r>
  </si>
  <si>
    <r>
      <t>b</t>
    </r>
    <r>
      <rPr>
        <sz val="9"/>
        <color theme="1"/>
        <rFont val="Arial"/>
        <family val="2"/>
      </rPr>
      <t>Anglian Water, Block C-Western House, Peterborough Business Park, Lynch Wood, Peterborough PE2 6FZ, UK</t>
    </r>
  </si>
  <si>
    <r>
      <t>c</t>
    </r>
    <r>
      <rPr>
        <sz val="9"/>
        <color theme="1"/>
        <rFont val="Arial"/>
        <family val="2"/>
      </rPr>
      <t>Northumbrian Water, Boldon House, Wheatlands Way, Durham DH1 5FA, UK</t>
    </r>
  </si>
  <si>
    <r>
      <t>d</t>
    </r>
    <r>
      <rPr>
        <sz val="9"/>
        <color theme="1"/>
        <rFont val="Arial"/>
        <family val="2"/>
      </rPr>
      <t>Severn Trent Water, 2 St. Johns Street, Coventry CV1 2LZ, UK</t>
    </r>
  </si>
  <si>
    <t>*Corresponding Author: e.mcadam@cranfield.ac.uk</t>
  </si>
  <si>
    <t>List of figures</t>
  </si>
  <si>
    <t>-</t>
  </si>
  <si>
    <t>C</t>
  </si>
  <si>
    <t>Pressure</t>
  </si>
  <si>
    <t>bar</t>
  </si>
  <si>
    <r>
      <t>Transitioning through the vapour-liquid equilibrium for low energy thermal stripping of ammonia from wastewater: Enabling transformation of NH</t>
    </r>
    <r>
      <rPr>
        <b/>
        <vertAlign val="subscript"/>
        <sz val="12"/>
        <color theme="1"/>
        <rFont val="Arial"/>
        <family val="2"/>
      </rPr>
      <t>3</t>
    </r>
    <r>
      <rPr>
        <b/>
        <sz val="12"/>
        <color theme="1"/>
        <rFont val="Arial"/>
        <family val="2"/>
      </rPr>
      <t xml:space="preserve"> as a zero carbon fuel</t>
    </r>
  </si>
  <si>
    <t>VLE for NH3-H2O</t>
  </si>
  <si>
    <t>Experimental setup</t>
  </si>
  <si>
    <t>Literature summary of vacuum stripping conditions</t>
  </si>
  <si>
    <t>NH3 stripping at 65C and 0.25 bar</t>
  </si>
  <si>
    <t>Influence of temperature on water and ammonia vapour pressures</t>
  </si>
  <si>
    <t>Influence of temperature on NH3 stripping at 0.25 bar</t>
  </si>
  <si>
    <t>Influence of temperature on NH3 selectivity at 0.25 bar</t>
  </si>
  <si>
    <t>Overview of experimental data on VLE for NH3-H2O</t>
  </si>
  <si>
    <t>Influence of temperature on NH3 product quality and energy at 0.25 bar</t>
  </si>
  <si>
    <t>Influence of feed type on NH3 removal and selectivity at 65C and 0.25 bar</t>
  </si>
  <si>
    <t>Influence of feed type on pH and ammonia removal at 65C and 0.25 bar</t>
  </si>
  <si>
    <t>Temperature</t>
  </si>
  <si>
    <t>xNH3</t>
  </si>
  <si>
    <t>Bubble point temperature</t>
  </si>
  <si>
    <t>Source:</t>
  </si>
  <si>
    <t>Patek &amp; Klomfar, 1995</t>
  </si>
  <si>
    <t>1. Bubble point curve resolved at 0.25 bar</t>
  </si>
  <si>
    <t>2. Dew point curve resolved at 0.25 bar</t>
  </si>
  <si>
    <t>Dew point temperature</t>
  </si>
  <si>
    <t>Feed</t>
  </si>
  <si>
    <t xml:space="preserve">Pressure </t>
  </si>
  <si>
    <t>Reference</t>
  </si>
  <si>
    <t>g/L</t>
  </si>
  <si>
    <t>mol frac</t>
  </si>
  <si>
    <t>%wt NH3</t>
  </si>
  <si>
    <t>IEX brine</t>
  </si>
  <si>
    <t>Dairy/municipal co-digestate</t>
  </si>
  <si>
    <t>Hydrolysed urine</t>
  </si>
  <si>
    <t>Tao, 2019</t>
  </si>
  <si>
    <t>Municipal digestate</t>
  </si>
  <si>
    <t>Tao, 2018</t>
  </si>
  <si>
    <t>Dairy digestate</t>
  </si>
  <si>
    <t>Digested municipal sludge</t>
  </si>
  <si>
    <t>This study</t>
  </si>
  <si>
    <t>Synthetic wastewater</t>
  </si>
  <si>
    <t>Centrate A</t>
  </si>
  <si>
    <t>Centrate B</t>
  </si>
  <si>
    <t xml:space="preserve">⁰C </t>
  </si>
  <si>
    <t>Guida et al. (2021)</t>
  </si>
  <si>
    <t>Han et al., 2022</t>
  </si>
  <si>
    <t>Ukwuani &amp; Tao, 2016</t>
  </si>
  <si>
    <t>Liquid NH3 fraction</t>
  </si>
  <si>
    <t>Gas NH3 fraction</t>
  </si>
  <si>
    <t>3. Literature summary data</t>
  </si>
  <si>
    <t>mbar</t>
  </si>
  <si>
    <t>Pure water boiling curve</t>
  </si>
  <si>
    <t xml:space="preserve">Feed </t>
  </si>
  <si>
    <t>pH</t>
  </si>
  <si>
    <t>Stripping T</t>
  </si>
  <si>
    <t>Concentration</t>
  </si>
  <si>
    <t xml:space="preserve">Synthetic NH3 </t>
  </si>
  <si>
    <t>Time</t>
  </si>
  <si>
    <t>NH3 removal</t>
  </si>
  <si>
    <t>h</t>
  </si>
  <si>
    <t>%wt</t>
  </si>
  <si>
    <t>NH3 selectivity</t>
  </si>
  <si>
    <t>molNH3/molH2O</t>
  </si>
  <si>
    <t>Water vapourisation rate</t>
  </si>
  <si>
    <t>mol/h</t>
  </si>
  <si>
    <t>Vapour quality</t>
  </si>
  <si>
    <t>Specific thermal demand</t>
  </si>
  <si>
    <t>kWh/kgN</t>
  </si>
  <si>
    <t>Initial pH</t>
  </si>
  <si>
    <t>T</t>
  </si>
  <si>
    <t>pNH3</t>
  </si>
  <si>
    <t>Total P</t>
  </si>
  <si>
    <t>pH2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.0"/>
    <numFmt numFmtId="165" formatCode="0.0E+00"/>
    <numFmt numFmtId="166" formatCode="0.0000"/>
    <numFmt numFmtId="167" formatCode="0.0%"/>
    <numFmt numFmtId="175" formatCode="0.000"/>
  </numFmts>
  <fonts count="11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11"/>
      <color theme="1"/>
      <name val="Arial"/>
      <family val="2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vertAlign val="superscript"/>
      <sz val="11"/>
      <color theme="1"/>
      <name val="Arial"/>
      <family val="2"/>
    </font>
    <font>
      <vertAlign val="superscript"/>
      <sz val="9"/>
      <color theme="1"/>
      <name val="Arial"/>
      <family val="2"/>
    </font>
    <font>
      <sz val="9"/>
      <color theme="1"/>
      <name val="Arial"/>
      <family val="2"/>
    </font>
    <font>
      <b/>
      <sz val="12"/>
      <color theme="1"/>
      <name val="Arial"/>
      <family val="2"/>
    </font>
    <font>
      <b/>
      <vertAlign val="subscript"/>
      <sz val="12"/>
      <color theme="1"/>
      <name val="Arial"/>
      <family val="2"/>
    </font>
    <font>
      <u/>
      <sz val="11"/>
      <color theme="1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1">
    <border>
      <left/>
      <right/>
      <top/>
      <bottom/>
      <diagonal/>
    </border>
  </borders>
  <cellStyleXfs count="8">
    <xf numFmtId="0" fontId="0" fillId="0" borderId="0"/>
    <xf numFmtId="9" fontId="4" fillId="0" borderId="0" applyFont="0" applyFill="0" applyBorder="0" applyAlignment="0" applyProtection="0"/>
    <xf numFmtId="0" fontId="2" fillId="0" borderId="0"/>
    <xf numFmtId="9" fontId="2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0" fontId="4" fillId="0" borderId="0"/>
    <xf numFmtId="0" fontId="10" fillId="0" borderId="0" applyNumberFormat="0" applyFill="0" applyBorder="0" applyAlignment="0" applyProtection="0"/>
  </cellStyleXfs>
  <cellXfs count="44">
    <xf numFmtId="0" fontId="0" fillId="0" borderId="0" xfId="0"/>
    <xf numFmtId="0" fontId="2" fillId="0" borderId="0" xfId="0" applyFont="1" applyAlignment="1">
      <alignment horizontal="left" vertical="center"/>
    </xf>
    <xf numFmtId="0" fontId="0" fillId="0" borderId="0" xfId="0" applyAlignment="1">
      <alignment horizontal="left"/>
    </xf>
    <xf numFmtId="0" fontId="6" fillId="0" borderId="0" xfId="0" applyFont="1" applyAlignment="1">
      <alignment horizontal="left" vertical="top"/>
    </xf>
    <xf numFmtId="0" fontId="0" fillId="0" borderId="0" xfId="0" applyAlignment="1">
      <alignment horizontal="left" vertical="top"/>
    </xf>
    <xf numFmtId="0" fontId="0" fillId="0" borderId="0" xfId="0" applyAlignment="1">
      <alignment horizontal="center"/>
    </xf>
    <xf numFmtId="0" fontId="3" fillId="0" borderId="0" xfId="0" applyFont="1" applyAlignment="1">
      <alignment horizontal="center"/>
    </xf>
    <xf numFmtId="0" fontId="3" fillId="0" borderId="0" xfId="0" applyFont="1" applyAlignment="1">
      <alignment horizontal="left"/>
    </xf>
    <xf numFmtId="1" fontId="0" fillId="0" borderId="0" xfId="0" applyNumberFormat="1" applyAlignment="1">
      <alignment horizontal="center" vertical="center"/>
    </xf>
    <xf numFmtId="2" fontId="0" fillId="0" borderId="0" xfId="0" applyNumberFormat="1" applyAlignment="1">
      <alignment horizontal="center" vertical="center"/>
    </xf>
    <xf numFmtId="0" fontId="0" fillId="0" borderId="0" xfId="0" applyAlignment="1">
      <alignment horizontal="center" vertical="center"/>
    </xf>
    <xf numFmtId="164" fontId="0" fillId="0" borderId="0" xfId="0" applyNumberFormat="1" applyAlignment="1">
      <alignment horizontal="center" vertical="center"/>
    </xf>
    <xf numFmtId="0" fontId="0" fillId="0" borderId="0" xfId="0" applyAlignment="1">
      <alignment horizontal="left" vertical="center"/>
    </xf>
    <xf numFmtId="1" fontId="0" fillId="0" borderId="0" xfId="0" applyNumberFormat="1" applyAlignment="1">
      <alignment horizontal="left" vertical="center"/>
    </xf>
    <xf numFmtId="165" fontId="0" fillId="0" borderId="0" xfId="0" applyNumberFormat="1" applyAlignment="1">
      <alignment horizontal="left"/>
    </xf>
    <xf numFmtId="164" fontId="0" fillId="0" borderId="0" xfId="0" applyNumberFormat="1" applyAlignment="1">
      <alignment horizontal="left" vertical="center"/>
    </xf>
    <xf numFmtId="164" fontId="0" fillId="0" borderId="0" xfId="0" applyNumberFormat="1" applyAlignment="1">
      <alignment horizontal="left"/>
    </xf>
    <xf numFmtId="0" fontId="3" fillId="0" borderId="0" xfId="0" applyFont="1" applyAlignment="1">
      <alignment horizontal="center" vertical="center"/>
    </xf>
    <xf numFmtId="9" fontId="0" fillId="0" borderId="0" xfId="1" applyFont="1" applyAlignment="1">
      <alignment horizontal="center" vertical="center"/>
    </xf>
    <xf numFmtId="2" fontId="0" fillId="0" borderId="0" xfId="0" applyNumberFormat="1" applyAlignment="1">
      <alignment horizontal="center"/>
    </xf>
    <xf numFmtId="167" fontId="0" fillId="0" borderId="0" xfId="1" applyNumberFormat="1" applyFont="1" applyAlignment="1">
      <alignment horizontal="center" vertical="center"/>
    </xf>
    <xf numFmtId="0" fontId="8" fillId="0" borderId="0" xfId="0" applyFont="1" applyAlignment="1">
      <alignment horizontal="left" vertical="center"/>
    </xf>
    <xf numFmtId="1" fontId="3" fillId="0" borderId="0" xfId="0" applyNumberFormat="1" applyFont="1" applyAlignment="1">
      <alignment horizontal="left" vertical="center"/>
    </xf>
    <xf numFmtId="166" fontId="0" fillId="0" borderId="0" xfId="0" applyNumberFormat="1" applyFont="1" applyAlignment="1">
      <alignment horizontal="center" vertical="center"/>
    </xf>
    <xf numFmtId="166" fontId="0" fillId="0" borderId="0" xfId="0" applyNumberFormat="1" applyFont="1" applyAlignment="1">
      <alignment horizontal="center"/>
    </xf>
    <xf numFmtId="164" fontId="0" fillId="0" borderId="0" xfId="0" applyNumberFormat="1" applyAlignment="1">
      <alignment horizontal="center"/>
    </xf>
    <xf numFmtId="175" fontId="0" fillId="0" borderId="0" xfId="0" applyNumberFormat="1" applyFont="1" applyAlignment="1">
      <alignment horizontal="center" vertical="center"/>
    </xf>
    <xf numFmtId="175" fontId="0" fillId="0" borderId="0" xfId="0" applyNumberFormat="1" applyFont="1" applyAlignment="1">
      <alignment horizontal="center"/>
    </xf>
    <xf numFmtId="175" fontId="0" fillId="0" borderId="0" xfId="0" applyNumberFormat="1" applyAlignment="1">
      <alignment horizontal="center"/>
    </xf>
    <xf numFmtId="175" fontId="0" fillId="0" borderId="0" xfId="0" applyNumberFormat="1" applyAlignment="1">
      <alignment horizontal="center" vertical="center"/>
    </xf>
    <xf numFmtId="1" fontId="3" fillId="0" borderId="0" xfId="0" applyNumberFormat="1" applyFont="1" applyAlignment="1">
      <alignment horizontal="center" vertical="center"/>
    </xf>
    <xf numFmtId="165" fontId="3" fillId="0" borderId="0" xfId="0" applyNumberFormat="1" applyFont="1" applyAlignment="1">
      <alignment horizontal="left"/>
    </xf>
    <xf numFmtId="0" fontId="4" fillId="0" borderId="0" xfId="6" applyAlignment="1">
      <alignment horizontal="center" vertical="center"/>
    </xf>
    <xf numFmtId="0" fontId="3" fillId="0" borderId="0" xfId="6" applyFont="1" applyAlignment="1">
      <alignment horizontal="center" vertical="center"/>
    </xf>
    <xf numFmtId="0" fontId="4" fillId="0" borderId="0" xfId="6" applyAlignment="1">
      <alignment horizontal="center"/>
    </xf>
    <xf numFmtId="0" fontId="0" fillId="2" borderId="0" xfId="0" applyFill="1"/>
    <xf numFmtId="2" fontId="3" fillId="0" borderId="0" xfId="0" applyNumberFormat="1" applyFont="1" applyAlignment="1">
      <alignment horizontal="center" vertical="top"/>
    </xf>
    <xf numFmtId="167" fontId="0" fillId="0" borderId="0" xfId="1" applyNumberFormat="1" applyFont="1" applyAlignment="1">
      <alignment horizontal="center"/>
    </xf>
    <xf numFmtId="0" fontId="3" fillId="2" borderId="0" xfId="0" applyFont="1" applyFill="1" applyAlignment="1">
      <alignment horizontal="left" vertical="center"/>
    </xf>
    <xf numFmtId="175" fontId="0" fillId="0" borderId="0" xfId="0" applyNumberFormat="1"/>
    <xf numFmtId="0" fontId="0" fillId="0" borderId="0" xfId="0" applyFill="1" applyAlignment="1">
      <alignment horizontal="center"/>
    </xf>
    <xf numFmtId="0" fontId="0" fillId="0" borderId="0" xfId="0" quotePrefix="1" applyFill="1" applyAlignment="1">
      <alignment horizontal="center"/>
    </xf>
    <xf numFmtId="0" fontId="0" fillId="2" borderId="0" xfId="0" applyFont="1" applyFill="1" applyAlignment="1">
      <alignment horizontal="left"/>
    </xf>
    <xf numFmtId="0" fontId="0" fillId="2" borderId="0" xfId="0" applyFont="1" applyFill="1"/>
  </cellXfs>
  <cellStyles count="8">
    <cellStyle name="Hyperlink 2" xfId="7" xr:uid="{87D84439-EF3A-46A1-9125-1E409C2BC3C2}"/>
    <cellStyle name="Normal" xfId="0" builtinId="0"/>
    <cellStyle name="Normal 2" xfId="2" xr:uid="{88BA522C-6863-4F28-94A7-37B618CF99D3}"/>
    <cellStyle name="Normal 2 2" xfId="6" xr:uid="{C05A941C-F63D-4EE4-8521-794648452E18}"/>
    <cellStyle name="Normal 3" xfId="4" xr:uid="{4577AF93-2E34-4DC4-8CB0-AFED4F3F1E2F}"/>
    <cellStyle name="Percent" xfId="1" builtinId="5"/>
    <cellStyle name="Percent 2" xfId="3" xr:uid="{33FC39F8-F8ED-4BAF-A5C9-FA11EBA052F5}"/>
    <cellStyle name="Percent 3" xfId="5" xr:uid="{3E5B2795-973C-457B-A8C6-20D8A27FDDD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png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image" Target="../media/image5.png"/><Relationship Id="rId4" Type="http://schemas.openxmlformats.org/officeDocument/2006/relationships/image" Target="../media/image8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9.png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image" Target="../media/image10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5</xdr:col>
      <xdr:colOff>462083</xdr:colOff>
      <xdr:row>20</xdr:row>
      <xdr:rowOff>62194</xdr:rowOff>
    </xdr:from>
    <xdr:to>
      <xdr:col>11</xdr:col>
      <xdr:colOff>22968</xdr:colOff>
      <xdr:row>61</xdr:row>
      <xdr:rowOff>89789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2C72CE08-9DCC-22CF-8C49-AA2FC91859B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6871047" y="3872194"/>
          <a:ext cx="5847385" cy="7838095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4</xdr:row>
      <xdr:rowOff>35960</xdr:rowOff>
    </xdr:from>
    <xdr:to>
      <xdr:col>2</xdr:col>
      <xdr:colOff>67235</xdr:colOff>
      <xdr:row>7</xdr:row>
      <xdr:rowOff>13572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AB870921-E4B7-4CAB-AB52-34B4AFD4A293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2"/>
        <a:srcRect l="7858" t="-2229" r="48159" b="65092"/>
        <a:stretch/>
      </xdr:blipFill>
      <xdr:spPr>
        <a:xfrm>
          <a:off x="0" y="797960"/>
          <a:ext cx="2857500" cy="549112"/>
        </a:xfrm>
        <a:prstGeom prst="rect">
          <a:avLst/>
        </a:prstGeom>
        <a:ln>
          <a:solidFill>
            <a:schemeClr val="accent1"/>
          </a:solidFill>
        </a:ln>
      </xdr:spPr>
    </xdr:pic>
    <xdr:clientData/>
  </xdr:twoCellAnchor>
  <xdr:twoCellAnchor editAs="oneCell">
    <xdr:from>
      <xdr:col>2</xdr:col>
      <xdr:colOff>852770</xdr:colOff>
      <xdr:row>4</xdr:row>
      <xdr:rowOff>47626</xdr:rowOff>
    </xdr:from>
    <xdr:to>
      <xdr:col>5</xdr:col>
      <xdr:colOff>145678</xdr:colOff>
      <xdr:row>7</xdr:row>
      <xdr:rowOff>23335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7433DAB6-516F-4D5D-84EC-DD967D648826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2"/>
        <a:srcRect l="7858" t="42559" r="48159" b="19572"/>
        <a:stretch/>
      </xdr:blipFill>
      <xdr:spPr>
        <a:xfrm>
          <a:off x="3643035" y="809626"/>
          <a:ext cx="2912408" cy="547209"/>
        </a:xfrm>
        <a:prstGeom prst="rect">
          <a:avLst/>
        </a:prstGeom>
        <a:solidFill>
          <a:schemeClr val="accent2"/>
        </a:solidFill>
        <a:ln>
          <a:solidFill>
            <a:srgbClr val="FF0000"/>
          </a:solidFill>
        </a:ln>
      </xdr:spPr>
    </xdr:pic>
    <xdr:clientData/>
  </xdr:twoCellAnchor>
  <xdr:twoCellAnchor editAs="oneCell">
    <xdr:from>
      <xdr:col>11</xdr:col>
      <xdr:colOff>353785</xdr:colOff>
      <xdr:row>19</xdr:row>
      <xdr:rowOff>163286</xdr:rowOff>
    </xdr:from>
    <xdr:to>
      <xdr:col>19</xdr:col>
      <xdr:colOff>147678</xdr:colOff>
      <xdr:row>41</xdr:row>
      <xdr:rowOff>153238</xdr:rowOff>
    </xdr:to>
    <xdr:pic>
      <xdr:nvPicPr>
        <xdr:cNvPr id="7" name="Picture 6">
          <a:extLst>
            <a:ext uri="{FF2B5EF4-FFF2-40B4-BE49-F238E27FC236}">
              <a16:creationId xmlns:a16="http://schemas.microsoft.com/office/drawing/2014/main" id="{3FDE6C90-48D6-2BC7-AD08-6A52201797A9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13049249" y="3782786"/>
          <a:ext cx="5114286" cy="4180952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607529</xdr:colOff>
      <xdr:row>1</xdr:row>
      <xdr:rowOff>128796</xdr:rowOff>
    </xdr:from>
    <xdr:to>
      <xdr:col>11</xdr:col>
      <xdr:colOff>30814</xdr:colOff>
      <xdr:row>21</xdr:row>
      <xdr:rowOff>42605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20B6A9A9-752D-44B2-B908-FB9E5889824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628486" y="319296"/>
          <a:ext cx="5312219" cy="3723809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263797</xdr:colOff>
      <xdr:row>0</xdr:row>
      <xdr:rowOff>21771</xdr:rowOff>
    </xdr:from>
    <xdr:to>
      <xdr:col>16</xdr:col>
      <xdr:colOff>263112</xdr:colOff>
      <xdr:row>21</xdr:row>
      <xdr:rowOff>78414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203834F9-1F90-DD8F-39E0-B07C32F1897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7838973" y="21771"/>
          <a:ext cx="5445374" cy="4057143"/>
        </a:xfrm>
        <a:prstGeom prst="rect">
          <a:avLst/>
        </a:prstGeom>
      </xdr:spPr>
    </xdr:pic>
    <xdr:clientData/>
  </xdr:twoCellAnchor>
  <xdr:twoCellAnchor editAs="oneCell">
    <xdr:from>
      <xdr:col>6</xdr:col>
      <xdr:colOff>578945</xdr:colOff>
      <xdr:row>21</xdr:row>
      <xdr:rowOff>114779</xdr:rowOff>
    </xdr:from>
    <xdr:to>
      <xdr:col>16</xdr:col>
      <xdr:colOff>397232</xdr:colOff>
      <xdr:row>58</xdr:row>
      <xdr:rowOff>190088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2906C839-CBEB-7902-DF92-A9DC8A609D0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7549004" y="4115279"/>
          <a:ext cx="5869463" cy="7123809"/>
        </a:xfrm>
        <a:prstGeom prst="rect">
          <a:avLst/>
        </a:prstGeom>
      </xdr:spPr>
    </xdr:pic>
    <xdr:clientData/>
  </xdr:twoCellAnchor>
  <xdr:twoCellAnchor editAs="oneCell">
    <xdr:from>
      <xdr:col>17</xdr:col>
      <xdr:colOff>63095</xdr:colOff>
      <xdr:row>0</xdr:row>
      <xdr:rowOff>0</xdr:rowOff>
    </xdr:from>
    <xdr:to>
      <xdr:col>25</xdr:col>
      <xdr:colOff>498418</xdr:colOff>
      <xdr:row>20</xdr:row>
      <xdr:rowOff>9048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A893B6D9-0987-10BD-ED6E-825B83C4E10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13689448" y="0"/>
          <a:ext cx="5276264" cy="3819048"/>
        </a:xfrm>
        <a:prstGeom prst="rect">
          <a:avLst/>
        </a:prstGeom>
      </xdr:spPr>
    </xdr:pic>
    <xdr:clientData/>
  </xdr:twoCellAnchor>
  <xdr:twoCellAnchor editAs="oneCell">
    <xdr:from>
      <xdr:col>17</xdr:col>
      <xdr:colOff>126398</xdr:colOff>
      <xdr:row>19</xdr:row>
      <xdr:rowOff>151279</xdr:rowOff>
    </xdr:from>
    <xdr:to>
      <xdr:col>26</xdr:col>
      <xdr:colOff>223196</xdr:colOff>
      <xdr:row>55</xdr:row>
      <xdr:rowOff>26612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2E7E70A3-91E9-1666-BD65-577CD7A9783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13752751" y="3770779"/>
          <a:ext cx="5542857" cy="6733333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323850</xdr:colOff>
      <xdr:row>0</xdr:row>
      <xdr:rowOff>133350</xdr:rowOff>
    </xdr:from>
    <xdr:to>
      <xdr:col>13</xdr:col>
      <xdr:colOff>113640</xdr:colOff>
      <xdr:row>20</xdr:row>
      <xdr:rowOff>142398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62940503-44B4-3E62-33FB-28FFA5EA90A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762250" y="133350"/>
          <a:ext cx="5276190" cy="3819048"/>
        </a:xfrm>
        <a:prstGeom prst="rect">
          <a:avLst/>
        </a:prstGeom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51289</xdr:colOff>
      <xdr:row>0</xdr:row>
      <xdr:rowOff>146538</xdr:rowOff>
    </xdr:from>
    <xdr:to>
      <xdr:col>16</xdr:col>
      <xdr:colOff>92363</xdr:colOff>
      <xdr:row>39</xdr:row>
      <xdr:rowOff>59895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95FB04EE-737A-4829-20D8-2AC503BF0E1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7656635" y="146538"/>
          <a:ext cx="5514286" cy="7342857"/>
        </a:xfrm>
        <a:prstGeom prst="rect">
          <a:avLst/>
        </a:prstGeom>
      </xdr:spPr>
    </xdr:pic>
    <xdr:clientData/>
  </xdr:twoCellAnchor>
  <xdr:twoCellAnchor editAs="oneCell">
    <xdr:from>
      <xdr:col>16</xdr:col>
      <xdr:colOff>291353</xdr:colOff>
      <xdr:row>0</xdr:row>
      <xdr:rowOff>33617</xdr:rowOff>
    </xdr:from>
    <xdr:to>
      <xdr:col>25</xdr:col>
      <xdr:colOff>159580</xdr:colOff>
      <xdr:row>22</xdr:row>
      <xdr:rowOff>99760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15316F7A-CB9B-AAF9-7A33-5953B8DA9FC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13335000" y="33617"/>
          <a:ext cx="5314286" cy="4257143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35F5D7-A1A2-4DC9-BF31-CA8AABFB2C7C}">
  <dimension ref="A1:B24"/>
  <sheetViews>
    <sheetView tabSelected="1" zoomScale="160" zoomScaleNormal="160" workbookViewId="0">
      <selection activeCell="B6" sqref="B6"/>
    </sheetView>
  </sheetViews>
  <sheetFormatPr defaultRowHeight="15" x14ac:dyDescent="0.25"/>
  <cols>
    <col min="1" max="1" width="9.140625" customWidth="1"/>
  </cols>
  <sheetData>
    <row r="1" spans="1:2" ht="18.75" x14ac:dyDescent="0.25">
      <c r="A1" s="21" t="s">
        <v>11</v>
      </c>
    </row>
    <row r="3" spans="1:2" ht="16.5" x14ac:dyDescent="0.25">
      <c r="A3" s="1" t="s">
        <v>0</v>
      </c>
    </row>
    <row r="5" spans="1:2" x14ac:dyDescent="0.25">
      <c r="A5" s="3" t="s">
        <v>1</v>
      </c>
    </row>
    <row r="6" spans="1:2" x14ac:dyDescent="0.25">
      <c r="A6" s="3" t="s">
        <v>2</v>
      </c>
    </row>
    <row r="7" spans="1:2" x14ac:dyDescent="0.25">
      <c r="A7" s="3" t="s">
        <v>3</v>
      </c>
    </row>
    <row r="8" spans="1:2" x14ac:dyDescent="0.25">
      <c r="A8" s="3" t="s">
        <v>4</v>
      </c>
    </row>
    <row r="9" spans="1:2" x14ac:dyDescent="0.25">
      <c r="A9" t="s">
        <v>5</v>
      </c>
    </row>
    <row r="10" spans="1:2" x14ac:dyDescent="0.25">
      <c r="A10" s="4"/>
    </row>
    <row r="11" spans="1:2" x14ac:dyDescent="0.25">
      <c r="A11" s="2"/>
    </row>
    <row r="12" spans="1:2" x14ac:dyDescent="0.25">
      <c r="A12" s="7" t="s">
        <v>6</v>
      </c>
    </row>
    <row r="13" spans="1:2" x14ac:dyDescent="0.25">
      <c r="A13" s="40">
        <v>1</v>
      </c>
      <c r="B13" t="s">
        <v>12</v>
      </c>
    </row>
    <row r="14" spans="1:2" x14ac:dyDescent="0.25">
      <c r="A14" s="40">
        <v>2</v>
      </c>
      <c r="B14" t="s">
        <v>12</v>
      </c>
    </row>
    <row r="15" spans="1:2" x14ac:dyDescent="0.25">
      <c r="A15" s="41">
        <v>3</v>
      </c>
      <c r="B15" t="s">
        <v>13</v>
      </c>
    </row>
    <row r="16" spans="1:2" x14ac:dyDescent="0.25">
      <c r="A16" s="40">
        <v>4</v>
      </c>
      <c r="B16" t="s">
        <v>14</v>
      </c>
    </row>
    <row r="17" spans="1:2" x14ac:dyDescent="0.25">
      <c r="A17" s="40">
        <v>5</v>
      </c>
      <c r="B17" t="s">
        <v>15</v>
      </c>
    </row>
    <row r="18" spans="1:2" x14ac:dyDescent="0.25">
      <c r="A18" s="41">
        <v>6</v>
      </c>
      <c r="B18" t="s">
        <v>16</v>
      </c>
    </row>
    <row r="19" spans="1:2" x14ac:dyDescent="0.25">
      <c r="A19" s="40">
        <v>7</v>
      </c>
      <c r="B19" t="s">
        <v>17</v>
      </c>
    </row>
    <row r="20" spans="1:2" x14ac:dyDescent="0.25">
      <c r="A20" s="40">
        <v>8</v>
      </c>
      <c r="B20" t="s">
        <v>18</v>
      </c>
    </row>
    <row r="21" spans="1:2" x14ac:dyDescent="0.25">
      <c r="A21" s="41">
        <v>9</v>
      </c>
      <c r="B21" t="s">
        <v>19</v>
      </c>
    </row>
    <row r="22" spans="1:2" x14ac:dyDescent="0.25">
      <c r="A22" s="40">
        <v>10</v>
      </c>
      <c r="B22" t="s">
        <v>20</v>
      </c>
    </row>
    <row r="23" spans="1:2" x14ac:dyDescent="0.25">
      <c r="A23" s="40">
        <v>11</v>
      </c>
      <c r="B23" t="s">
        <v>21</v>
      </c>
    </row>
    <row r="24" spans="1:2" x14ac:dyDescent="0.25">
      <c r="A24" s="41">
        <v>12</v>
      </c>
      <c r="B24" t="s">
        <v>22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A57D80-F624-438A-986B-5A965F1539B7}">
  <dimension ref="A2:R107"/>
  <sheetViews>
    <sheetView zoomScale="70" zoomScaleNormal="70" workbookViewId="0"/>
  </sheetViews>
  <sheetFormatPr defaultRowHeight="15" x14ac:dyDescent="0.25"/>
  <cols>
    <col min="1" max="1" width="18" style="2" customWidth="1"/>
    <col min="2" max="2" width="23.85546875" style="2" customWidth="1"/>
    <col min="3" max="3" width="14.140625" style="2" bestFit="1" customWidth="1"/>
    <col min="4" max="4" width="15.85546875" style="2" customWidth="1"/>
    <col min="5" max="5" width="24.28515625" style="5" customWidth="1"/>
    <col min="6" max="6" width="11.140625" style="2" bestFit="1" customWidth="1"/>
    <col min="7" max="7" width="28.5703125" style="2" bestFit="1" customWidth="1"/>
    <col min="8" max="8" width="12.28515625" style="2" bestFit="1" customWidth="1"/>
    <col min="9" max="9" width="9.28515625" style="2" bestFit="1" customWidth="1"/>
    <col min="10" max="10" width="12.5703125" style="2" bestFit="1" customWidth="1"/>
    <col min="11" max="11" width="20.28515625" style="2" bestFit="1" customWidth="1"/>
    <col min="12" max="12" width="11.5703125" style="2" bestFit="1" customWidth="1"/>
    <col min="13" max="13" width="9.28515625" style="2" bestFit="1" customWidth="1"/>
    <col min="14" max="14" width="11.5703125" style="2" bestFit="1" customWidth="1"/>
    <col min="15" max="15" width="9.28515625" style="2" bestFit="1" customWidth="1"/>
    <col min="16" max="16" width="9.5703125" style="2" bestFit="1" customWidth="1"/>
    <col min="17" max="17" width="9.28515625" style="2" bestFit="1" customWidth="1"/>
    <col min="18" max="18" width="9.5703125" style="2" bestFit="1" customWidth="1"/>
    <col min="19" max="16384" width="9.140625" style="2"/>
  </cols>
  <sheetData>
    <row r="2" spans="1:18" x14ac:dyDescent="0.25">
      <c r="A2" s="7" t="s">
        <v>26</v>
      </c>
      <c r="B2" s="7" t="s">
        <v>27</v>
      </c>
      <c r="D2" s="7" t="s">
        <v>26</v>
      </c>
      <c r="E2" s="7" t="s">
        <v>27</v>
      </c>
    </row>
    <row r="3" spans="1:18" x14ac:dyDescent="0.25">
      <c r="A3" s="22" t="s">
        <v>28</v>
      </c>
      <c r="B3" s="7"/>
      <c r="D3" s="22" t="s">
        <v>29</v>
      </c>
      <c r="G3" s="22" t="s">
        <v>55</v>
      </c>
    </row>
    <row r="4" spans="1:18" x14ac:dyDescent="0.25">
      <c r="A4" s="17"/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</row>
    <row r="5" spans="1:18" x14ac:dyDescent="0.25">
      <c r="D5" s="12"/>
      <c r="E5" s="10"/>
      <c r="F5" s="12"/>
      <c r="G5" s="7" t="s">
        <v>31</v>
      </c>
      <c r="H5" s="6" t="s">
        <v>24</v>
      </c>
      <c r="I5" s="6" t="s">
        <v>32</v>
      </c>
      <c r="J5" s="6" t="s">
        <v>23</v>
      </c>
      <c r="K5" s="6" t="s">
        <v>33</v>
      </c>
      <c r="L5" s="12"/>
      <c r="M5" s="12"/>
      <c r="N5" s="12"/>
    </row>
    <row r="6" spans="1:18" x14ac:dyDescent="0.25">
      <c r="D6" s="12"/>
      <c r="E6" s="10"/>
      <c r="F6" s="12"/>
      <c r="G6" s="2" t="s">
        <v>7</v>
      </c>
      <c r="H6" s="5" t="s">
        <v>35</v>
      </c>
      <c r="I6" s="5" t="s">
        <v>10</v>
      </c>
      <c r="J6" s="5" t="s">
        <v>49</v>
      </c>
      <c r="K6" s="5" t="s">
        <v>7</v>
      </c>
      <c r="L6" s="12"/>
    </row>
    <row r="7" spans="1:18" x14ac:dyDescent="0.25">
      <c r="C7" s="14"/>
      <c r="D7" s="15"/>
      <c r="E7" s="11"/>
      <c r="F7" s="15"/>
      <c r="G7" s="2" t="s">
        <v>37</v>
      </c>
      <c r="H7" s="5">
        <v>6.2631194054115998E-4</v>
      </c>
      <c r="I7" s="5">
        <v>0.25</v>
      </c>
      <c r="J7" s="5">
        <v>65</v>
      </c>
      <c r="K7" s="5" t="s">
        <v>50</v>
      </c>
      <c r="L7" s="13"/>
      <c r="M7" s="13"/>
      <c r="N7" s="13"/>
      <c r="O7" s="16"/>
      <c r="P7" s="16"/>
      <c r="Q7" s="16"/>
      <c r="R7" s="16"/>
    </row>
    <row r="8" spans="1:18" x14ac:dyDescent="0.25">
      <c r="C8" s="14"/>
      <c r="D8" s="15"/>
      <c r="E8" s="11"/>
      <c r="F8" s="15"/>
      <c r="G8" s="2" t="s">
        <v>38</v>
      </c>
      <c r="H8" s="5">
        <v>2.2676811640283379E-3</v>
      </c>
      <c r="I8" s="5">
        <v>0.27</v>
      </c>
      <c r="J8" s="5">
        <v>65</v>
      </c>
      <c r="K8" s="5" t="s">
        <v>51</v>
      </c>
      <c r="L8" s="13"/>
      <c r="M8" s="13"/>
      <c r="N8" s="13"/>
      <c r="O8" s="16"/>
      <c r="P8" s="16"/>
      <c r="Q8" s="16"/>
      <c r="R8" s="16"/>
    </row>
    <row r="9" spans="1:18" x14ac:dyDescent="0.25">
      <c r="C9" s="14"/>
      <c r="D9" s="15"/>
      <c r="E9" s="11"/>
      <c r="F9" s="15"/>
      <c r="G9" s="2" t="s">
        <v>39</v>
      </c>
      <c r="H9" s="5">
        <v>1.0798481733468274E-2</v>
      </c>
      <c r="I9" s="5">
        <v>0.27</v>
      </c>
      <c r="J9" s="5">
        <v>65</v>
      </c>
      <c r="K9" s="5" t="s">
        <v>40</v>
      </c>
      <c r="L9" s="13"/>
      <c r="M9" s="13"/>
      <c r="N9" s="13"/>
      <c r="O9" s="16"/>
      <c r="P9" s="16"/>
      <c r="Q9" s="16"/>
      <c r="R9" s="16"/>
    </row>
    <row r="10" spans="1:18" x14ac:dyDescent="0.25">
      <c r="A10" s="17" t="s">
        <v>53</v>
      </c>
      <c r="B10" s="30" t="s">
        <v>25</v>
      </c>
      <c r="C10" s="31"/>
      <c r="D10" s="17" t="s">
        <v>54</v>
      </c>
      <c r="E10" s="30" t="s">
        <v>30</v>
      </c>
      <c r="F10" s="15"/>
      <c r="G10" s="2" t="s">
        <v>41</v>
      </c>
      <c r="H10" s="5">
        <v>1.0744489324800933E-3</v>
      </c>
      <c r="I10" s="5">
        <v>0.27</v>
      </c>
      <c r="J10" s="5">
        <v>65</v>
      </c>
      <c r="K10" s="5" t="s">
        <v>42</v>
      </c>
      <c r="L10" s="13"/>
      <c r="M10" s="13"/>
      <c r="N10" s="13"/>
      <c r="O10" s="16"/>
      <c r="P10" s="16"/>
      <c r="Q10" s="16"/>
      <c r="R10" s="16"/>
    </row>
    <row r="11" spans="1:18" x14ac:dyDescent="0.25">
      <c r="A11" s="5" t="s">
        <v>24</v>
      </c>
      <c r="B11" s="8" t="s">
        <v>8</v>
      </c>
      <c r="C11" s="14"/>
      <c r="D11" s="5" t="s">
        <v>24</v>
      </c>
      <c r="E11" s="8" t="s">
        <v>8</v>
      </c>
      <c r="F11" s="15"/>
      <c r="G11" s="2" t="s">
        <v>43</v>
      </c>
      <c r="H11" s="5">
        <v>2.0776278855192962E-3</v>
      </c>
      <c r="I11" s="5">
        <v>0.27</v>
      </c>
      <c r="J11" s="5">
        <v>65</v>
      </c>
      <c r="K11" s="5" t="s">
        <v>42</v>
      </c>
      <c r="L11" s="13"/>
      <c r="M11" s="13"/>
      <c r="N11" s="13"/>
      <c r="O11" s="16"/>
      <c r="P11" s="16"/>
      <c r="Q11" s="16"/>
      <c r="R11" s="16"/>
    </row>
    <row r="12" spans="1:18" x14ac:dyDescent="0.25">
      <c r="A12" s="23">
        <v>0</v>
      </c>
      <c r="B12" s="9">
        <v>65.372503632563678</v>
      </c>
      <c r="C12" s="14"/>
      <c r="D12" s="26">
        <v>0</v>
      </c>
      <c r="E12" s="9">
        <v>65.316785908772317</v>
      </c>
      <c r="F12" s="15"/>
      <c r="G12" s="2" t="s">
        <v>43</v>
      </c>
      <c r="H12" s="5">
        <v>1.7493540408218607E-3</v>
      </c>
      <c r="I12" s="5">
        <v>0.25</v>
      </c>
      <c r="J12" s="5">
        <v>65</v>
      </c>
      <c r="K12" s="5" t="s">
        <v>52</v>
      </c>
      <c r="L12" s="13"/>
      <c r="M12" s="13"/>
      <c r="N12" s="13"/>
      <c r="O12" s="16"/>
      <c r="P12" s="16"/>
      <c r="Q12" s="16"/>
      <c r="R12" s="16"/>
    </row>
    <row r="13" spans="1:18" x14ac:dyDescent="0.25">
      <c r="A13" s="23">
        <v>1E-8</v>
      </c>
      <c r="B13" s="9">
        <v>65.372499497292893</v>
      </c>
      <c r="C13" s="14"/>
      <c r="D13" s="26">
        <v>1E-8</v>
      </c>
      <c r="E13" s="9">
        <v>65.316785619727796</v>
      </c>
      <c r="F13" s="15"/>
      <c r="G13" s="2" t="s">
        <v>44</v>
      </c>
      <c r="H13" s="5">
        <v>1.1802740534680824E-3</v>
      </c>
      <c r="I13" s="5">
        <v>0.25</v>
      </c>
      <c r="J13" s="5">
        <v>65</v>
      </c>
      <c r="K13" s="5" t="s">
        <v>52</v>
      </c>
      <c r="L13" s="13"/>
      <c r="M13" s="13"/>
      <c r="N13" s="13"/>
      <c r="O13" s="16"/>
      <c r="P13" s="16"/>
      <c r="Q13" s="16"/>
      <c r="R13" s="16"/>
    </row>
    <row r="14" spans="1:18" x14ac:dyDescent="0.25">
      <c r="A14" s="23">
        <v>9.9999999999999995E-8</v>
      </c>
      <c r="B14" s="9">
        <v>65.372462279872707</v>
      </c>
      <c r="C14" s="14"/>
      <c r="D14" s="26">
        <v>9.9999999999999995E-8</v>
      </c>
      <c r="E14" s="9">
        <v>65.316783018331193</v>
      </c>
      <c r="F14" s="15"/>
      <c r="H14" s="5"/>
      <c r="I14" s="5"/>
      <c r="J14" s="5"/>
      <c r="K14" s="5"/>
      <c r="L14" s="13"/>
      <c r="M14" s="13"/>
      <c r="N14" s="13"/>
      <c r="O14" s="16"/>
      <c r="P14" s="16"/>
      <c r="Q14" s="16"/>
      <c r="R14" s="16"/>
    </row>
    <row r="15" spans="1:18" x14ac:dyDescent="0.25">
      <c r="A15" s="23">
        <v>9.9999999999999995E-7</v>
      </c>
      <c r="B15" s="9">
        <v>65.372090107151791</v>
      </c>
      <c r="C15" s="14"/>
      <c r="D15" s="26">
        <v>9.9999999999999995E-7</v>
      </c>
      <c r="E15" s="9">
        <v>65.316757004375006</v>
      </c>
      <c r="G15" s="2" t="s">
        <v>46</v>
      </c>
      <c r="H15" s="5">
        <v>1.6197722600202412E-3</v>
      </c>
      <c r="I15" s="5">
        <v>0.25</v>
      </c>
      <c r="J15" s="5">
        <v>65</v>
      </c>
      <c r="K15" s="5" t="s">
        <v>45</v>
      </c>
      <c r="L15" s="13"/>
      <c r="M15" s="13"/>
      <c r="N15" s="13"/>
      <c r="O15" s="16"/>
      <c r="P15" s="16"/>
      <c r="Q15" s="16"/>
      <c r="R15" s="16"/>
    </row>
    <row r="16" spans="1:18" x14ac:dyDescent="0.25">
      <c r="A16" s="23">
        <v>1.0000000000000001E-5</v>
      </c>
      <c r="B16" s="9">
        <v>65.368368528346366</v>
      </c>
      <c r="C16" s="14"/>
      <c r="D16" s="26">
        <v>1.0000000000000001E-5</v>
      </c>
      <c r="E16" s="9">
        <v>65.316496866213186</v>
      </c>
      <c r="G16" s="2" t="s">
        <v>47</v>
      </c>
      <c r="H16" s="5">
        <v>1.1122436185472325E-3</v>
      </c>
      <c r="I16" s="5">
        <v>0.25</v>
      </c>
      <c r="J16" s="5">
        <v>65</v>
      </c>
      <c r="K16" s="5" t="s">
        <v>45</v>
      </c>
      <c r="L16" s="13"/>
      <c r="M16" s="13"/>
      <c r="N16" s="13"/>
      <c r="O16" s="16"/>
      <c r="P16" s="16"/>
      <c r="Q16" s="16"/>
      <c r="R16" s="16"/>
    </row>
    <row r="17" spans="1:18" x14ac:dyDescent="0.25">
      <c r="A17" s="23">
        <v>1E-4</v>
      </c>
      <c r="B17" s="9">
        <v>65.33116757466837</v>
      </c>
      <c r="C17" s="14"/>
      <c r="D17" s="26">
        <v>1E-4</v>
      </c>
      <c r="E17" s="9">
        <v>65.31389562477284</v>
      </c>
      <c r="G17" s="2" t="s">
        <v>48</v>
      </c>
      <c r="H17" s="5">
        <v>2.1704948284271232E-3</v>
      </c>
      <c r="I17" s="5">
        <v>0.25</v>
      </c>
      <c r="J17" s="5">
        <v>65</v>
      </c>
      <c r="K17" s="5" t="s">
        <v>45</v>
      </c>
      <c r="L17" s="13"/>
      <c r="M17" s="13"/>
      <c r="N17" s="13"/>
      <c r="O17" s="16"/>
      <c r="P17" s="16"/>
      <c r="Q17" s="16"/>
      <c r="R17" s="16"/>
    </row>
    <row r="18" spans="1:18" x14ac:dyDescent="0.25">
      <c r="A18" s="23">
        <v>1.25E-4</v>
      </c>
      <c r="B18" s="9">
        <v>65.320838760775189</v>
      </c>
      <c r="C18" s="14"/>
      <c r="D18" s="26">
        <v>1.25E-4</v>
      </c>
      <c r="E18" s="9">
        <v>65.313173102930591</v>
      </c>
      <c r="G18" s="2" t="s">
        <v>46</v>
      </c>
      <c r="H18" s="5">
        <v>1.6197722600202412E-3</v>
      </c>
      <c r="I18" s="5">
        <v>0.25</v>
      </c>
      <c r="J18" s="5">
        <v>63</v>
      </c>
      <c r="K18" s="5" t="s">
        <v>45</v>
      </c>
      <c r="L18" s="13"/>
      <c r="M18" s="13"/>
      <c r="N18" s="13"/>
      <c r="O18" s="16"/>
      <c r="P18" s="16"/>
      <c r="Q18" s="16"/>
      <c r="R18" s="16"/>
    </row>
    <row r="19" spans="1:18" x14ac:dyDescent="0.25">
      <c r="A19" s="23">
        <v>1.5625E-4</v>
      </c>
      <c r="B19" s="9">
        <v>65.307930666982884</v>
      </c>
      <c r="C19" s="14"/>
      <c r="D19" s="26">
        <v>1.5625E-4</v>
      </c>
      <c r="E19" s="9">
        <v>65.312269978274742</v>
      </c>
      <c r="G19" s="2" t="s">
        <v>46</v>
      </c>
      <c r="H19" s="5">
        <v>1.6197722600202412E-3</v>
      </c>
      <c r="I19" s="5">
        <v>0.25</v>
      </c>
      <c r="J19" s="5">
        <v>61</v>
      </c>
      <c r="K19" s="5" t="s">
        <v>45</v>
      </c>
      <c r="L19" s="13"/>
      <c r="M19" s="13"/>
      <c r="N19" s="13"/>
      <c r="O19" s="16"/>
      <c r="P19" s="16"/>
      <c r="Q19" s="16"/>
      <c r="R19" s="16"/>
    </row>
    <row r="20" spans="1:18" x14ac:dyDescent="0.25">
      <c r="A20" s="23">
        <v>1.9531250000000001E-4</v>
      </c>
      <c r="B20" s="9">
        <v>65.291800116157901</v>
      </c>
      <c r="C20" s="14"/>
      <c r="D20" s="26">
        <v>1.9531250000000001E-4</v>
      </c>
      <c r="E20" s="9">
        <v>65.311141115646024</v>
      </c>
      <c r="L20" s="13"/>
      <c r="M20" s="13"/>
      <c r="N20" s="13"/>
      <c r="O20" s="16"/>
      <c r="P20" s="16"/>
      <c r="Q20" s="16"/>
      <c r="R20" s="16"/>
    </row>
    <row r="21" spans="1:18" x14ac:dyDescent="0.25">
      <c r="A21" s="23">
        <v>2.44140625E-4</v>
      </c>
      <c r="B21" s="9">
        <v>65.271644059391292</v>
      </c>
      <c r="D21" s="26">
        <v>2.44140625E-4</v>
      </c>
      <c r="E21" s="9">
        <v>65.309730104835864</v>
      </c>
    </row>
    <row r="22" spans="1:18" x14ac:dyDescent="0.25">
      <c r="A22" s="23">
        <v>3.0517578125E-4</v>
      </c>
      <c r="B22" s="9">
        <v>65.246460125452529</v>
      </c>
      <c r="D22" s="26">
        <v>3.0517578125E-4</v>
      </c>
      <c r="E22" s="9">
        <v>65.307966446738021</v>
      </c>
    </row>
    <row r="23" spans="1:18" x14ac:dyDescent="0.25">
      <c r="A23" s="23">
        <v>3.814697265625E-4</v>
      </c>
      <c r="B23" s="9">
        <v>65.214997597200011</v>
      </c>
      <c r="D23" s="26">
        <v>3.814697265625E-4</v>
      </c>
      <c r="E23" s="9">
        <v>65.305762038783882</v>
      </c>
    </row>
    <row r="24" spans="1:18" x14ac:dyDescent="0.25">
      <c r="A24" s="23">
        <v>4.76837158203125E-4</v>
      </c>
      <c r="B24" s="9">
        <v>65.175696583220315</v>
      </c>
      <c r="D24" s="26">
        <v>4.76837158203125E-4</v>
      </c>
      <c r="E24" s="9">
        <v>65.303006786065282</v>
      </c>
    </row>
    <row r="25" spans="1:18" x14ac:dyDescent="0.25">
      <c r="A25" s="23">
        <v>5.9604644775390625E-4</v>
      </c>
      <c r="B25" s="9">
        <v>65.126612684584757</v>
      </c>
      <c r="D25" s="26">
        <v>5.9604644775390625E-4</v>
      </c>
      <c r="E25" s="9">
        <v>65.299563121929623</v>
      </c>
    </row>
    <row r="26" spans="1:18" x14ac:dyDescent="0.25">
      <c r="A26" s="24">
        <v>7.4505805969238281E-4</v>
      </c>
      <c r="B26" s="19">
        <v>65.065323920294645</v>
      </c>
      <c r="D26" s="27">
        <v>7.4505805969238281E-4</v>
      </c>
      <c r="E26" s="19">
        <v>65.295259169231599</v>
      </c>
    </row>
    <row r="27" spans="1:18" x14ac:dyDescent="0.25">
      <c r="A27" s="24">
        <v>9.3132257461547852E-4</v>
      </c>
      <c r="B27" s="19">
        <v>64.988816080204231</v>
      </c>
      <c r="C27" s="10"/>
      <c r="D27" s="27">
        <v>9.3132257461547852E-4</v>
      </c>
      <c r="E27" s="19">
        <v>65.289880208227714</v>
      </c>
      <c r="F27" s="10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</row>
    <row r="28" spans="1:18" x14ac:dyDescent="0.25">
      <c r="A28" s="24">
        <v>1.1641532182693481E-3</v>
      </c>
      <c r="B28" s="19">
        <v>64.893342046634189</v>
      </c>
      <c r="D28" s="27">
        <v>1.1641532182693481E-3</v>
      </c>
      <c r="E28" s="19">
        <v>65.283158036931127</v>
      </c>
      <c r="F28" s="12"/>
      <c r="K28" s="12"/>
      <c r="L28" s="12"/>
      <c r="M28" s="12"/>
      <c r="N28" s="12"/>
    </row>
    <row r="29" spans="1:18" x14ac:dyDescent="0.25">
      <c r="A29" s="24">
        <v>1.4551915228366852E-3</v>
      </c>
      <c r="B29" s="19">
        <v>64.774250018130658</v>
      </c>
      <c r="D29" s="27">
        <v>1.4551915228366852E-3</v>
      </c>
      <c r="E29" s="19">
        <v>65.274757711246536</v>
      </c>
      <c r="F29" s="12"/>
      <c r="K29" s="12"/>
      <c r="L29" s="12"/>
    </row>
    <row r="30" spans="1:18" x14ac:dyDescent="0.25">
      <c r="A30" s="24">
        <v>1.8189894035458565E-3</v>
      </c>
      <c r="B30" s="19">
        <v>64.625775076795662</v>
      </c>
      <c r="D30" s="27">
        <v>1.8189894035458565E-3</v>
      </c>
      <c r="E30" s="19">
        <v>65.264261031926594</v>
      </c>
    </row>
    <row r="31" spans="1:18" x14ac:dyDescent="0.25">
      <c r="A31" s="24">
        <v>2.2737367544323206E-3</v>
      </c>
      <c r="B31" s="19">
        <v>64.440788327406324</v>
      </c>
      <c r="D31" s="27">
        <v>2.2737367544323206E-3</v>
      </c>
      <c r="E31" s="19">
        <v>65.251145999339428</v>
      </c>
    </row>
    <row r="32" spans="1:18" x14ac:dyDescent="0.25">
      <c r="A32" s="23">
        <v>2.8421709430404007E-3</v>
      </c>
      <c r="B32" s="9">
        <v>64.210498166612808</v>
      </c>
      <c r="D32" s="26">
        <v>2.8421709430404007E-3</v>
      </c>
      <c r="E32" s="9">
        <v>65.234761281144813</v>
      </c>
    </row>
    <row r="33" spans="1:5" x14ac:dyDescent="0.25">
      <c r="A33" s="23">
        <v>3.5527136788005009E-3</v>
      </c>
      <c r="B33" s="9">
        <v>63.924099524966209</v>
      </c>
      <c r="D33" s="26">
        <v>3.5527136788005009E-3</v>
      </c>
      <c r="E33" s="9">
        <v>65.214294528280675</v>
      </c>
    </row>
    <row r="34" spans="1:5" x14ac:dyDescent="0.25">
      <c r="A34" s="23">
        <v>4.4408920985006262E-3</v>
      </c>
      <c r="B34" s="9">
        <v>63.568369778110025</v>
      </c>
      <c r="D34" s="26">
        <v>4.4408920985006262E-3</v>
      </c>
      <c r="E34" s="9">
        <v>65.188733128035324</v>
      </c>
    </row>
    <row r="35" spans="1:5" x14ac:dyDescent="0.25">
      <c r="A35" s="23">
        <v>5.5511151231257827E-3</v>
      </c>
      <c r="B35" s="9">
        <v>63.127215323675387</v>
      </c>
      <c r="D35" s="26">
        <v>5.5511151231257827E-3</v>
      </c>
      <c r="E35" s="9">
        <v>65.156815698123012</v>
      </c>
    </row>
    <row r="36" spans="1:5" x14ac:dyDescent="0.25">
      <c r="A36" s="23">
        <v>6.9388939039072284E-3</v>
      </c>
      <c r="B36" s="9">
        <v>62.581181747779851</v>
      </c>
      <c r="D36" s="26">
        <v>6.9388939039072284E-3</v>
      </c>
      <c r="E36" s="9">
        <v>65.11697230468701</v>
      </c>
    </row>
    <row r="37" spans="1:5" x14ac:dyDescent="0.25">
      <c r="A37" s="23">
        <v>8.6736173798840355E-3</v>
      </c>
      <c r="B37" s="9">
        <v>61.906954507815271</v>
      </c>
      <c r="D37" s="26">
        <v>8.6736173798840355E-3</v>
      </c>
      <c r="E37" s="9">
        <v>65.067251037488006</v>
      </c>
    </row>
    <row r="38" spans="1:5" x14ac:dyDescent="0.25">
      <c r="A38" s="23">
        <v>1.0842021724855044E-2</v>
      </c>
      <c r="B38" s="9">
        <v>61.076897628260838</v>
      </c>
      <c r="D38" s="26">
        <v>1.0842021724855044E-2</v>
      </c>
      <c r="E38" s="9">
        <v>65.005228213240855</v>
      </c>
    </row>
    <row r="39" spans="1:5" x14ac:dyDescent="0.25">
      <c r="A39" s="23">
        <v>1.3552527156068805E-2</v>
      </c>
      <c r="B39" s="9">
        <v>60.058705944038536</v>
      </c>
      <c r="D39" s="26">
        <v>1.3552527156068805E-2</v>
      </c>
      <c r="E39" s="9">
        <v>64.927899129655543</v>
      </c>
    </row>
    <row r="40" spans="1:5" x14ac:dyDescent="0.25">
      <c r="A40" s="23">
        <v>1.6940658945086007E-2</v>
      </c>
      <c r="B40" s="9">
        <v>58.815280806094847</v>
      </c>
      <c r="D40" s="26">
        <v>1.6940658945086007E-2</v>
      </c>
      <c r="E40" s="9">
        <v>64.831545996985824</v>
      </c>
    </row>
    <row r="41" spans="1:5" x14ac:dyDescent="0.25">
      <c r="A41" s="23">
        <v>2.1175823681357508E-2</v>
      </c>
      <c r="B41" s="9">
        <v>57.304973881737567</v>
      </c>
      <c r="D41" s="26">
        <v>2.1175823681357508E-2</v>
      </c>
      <c r="E41" s="9">
        <v>64.71157947469294</v>
      </c>
    </row>
    <row r="42" spans="1:5" x14ac:dyDescent="0.25">
      <c r="A42" s="23">
        <v>2.6469779601696886E-2</v>
      </c>
      <c r="B42" s="9">
        <v>55.482362750377547</v>
      </c>
      <c r="D42" s="26">
        <v>2.6469779601696886E-2</v>
      </c>
      <c r="E42" s="9">
        <v>64.562350163203746</v>
      </c>
    </row>
    <row r="43" spans="1:5" x14ac:dyDescent="0.25">
      <c r="A43" s="23">
        <v>3.3087224502121107E-2</v>
      </c>
      <c r="B43" s="9">
        <v>53.299691358615405</v>
      </c>
      <c r="D43" s="26">
        <v>3.3087224502121107E-2</v>
      </c>
      <c r="E43" s="9">
        <v>64.376926379466965</v>
      </c>
    </row>
    <row r="44" spans="1:5" x14ac:dyDescent="0.25">
      <c r="A44" s="23">
        <v>4.135903062765138E-2</v>
      </c>
      <c r="B44" s="9">
        <v>50.708965336581059</v>
      </c>
      <c r="D44" s="26">
        <v>4.135903062765138E-2</v>
      </c>
      <c r="E44" s="9">
        <v>64.146834246978869</v>
      </c>
    </row>
    <row r="45" spans="1:5" x14ac:dyDescent="0.25">
      <c r="A45" s="23">
        <v>5.1698788284564229E-2</v>
      </c>
      <c r="B45" s="9">
        <v>47.664336745851415</v>
      </c>
      <c r="D45" s="26">
        <v>5.1698788284564229E-2</v>
      </c>
      <c r="E45" s="9">
        <v>63.861754534236525</v>
      </c>
    </row>
    <row r="46" spans="1:5" x14ac:dyDescent="0.25">
      <c r="A46" s="23">
        <v>6.4623485355705279E-2</v>
      </c>
      <c r="B46" s="9">
        <v>44.123716167258067</v>
      </c>
      <c r="D46" s="26">
        <v>6.4623485355705279E-2</v>
      </c>
      <c r="E46" s="9">
        <v>63.509165105199315</v>
      </c>
    </row>
    <row r="47" spans="1:5" x14ac:dyDescent="0.25">
      <c r="A47" s="23">
        <v>8.0779356694631599E-2</v>
      </c>
      <c r="B47" s="9">
        <v>40.04741543008231</v>
      </c>
      <c r="D47" s="26">
        <v>8.0779356694631599E-2</v>
      </c>
      <c r="E47" s="9">
        <v>63.073901789068259</v>
      </c>
    </row>
    <row r="48" spans="1:5" x14ac:dyDescent="0.25">
      <c r="A48" s="23">
        <v>0.1009741958682895</v>
      </c>
      <c r="B48" s="9">
        <v>35.390170752228414</v>
      </c>
      <c r="D48" s="26">
        <v>0.1009741958682895</v>
      </c>
      <c r="E48" s="9">
        <v>62.537568644829491</v>
      </c>
    </row>
    <row r="49" spans="1:5" x14ac:dyDescent="0.25">
      <c r="A49" s="24">
        <v>0.12621774483536188</v>
      </c>
      <c r="B49" s="19">
        <v>30.081866647825507</v>
      </c>
      <c r="D49" s="27">
        <v>0.12621774483536188</v>
      </c>
      <c r="E49" s="19">
        <v>61.877625620123695</v>
      </c>
    </row>
    <row r="50" spans="1:5" x14ac:dyDescent="0.25">
      <c r="A50" s="24">
        <v>0.15777218104420235</v>
      </c>
      <c r="B50" s="19">
        <v>23.993745508379959</v>
      </c>
      <c r="D50" s="27">
        <v>0.15777218104420235</v>
      </c>
      <c r="E50" s="19">
        <v>61.065735621020451</v>
      </c>
    </row>
    <row r="51" spans="1:5" x14ac:dyDescent="0.25">
      <c r="A51" s="24">
        <v>0.19721522630525293</v>
      </c>
      <c r="B51" s="19">
        <v>16.895049287864822</v>
      </c>
      <c r="D51" s="27">
        <v>0.19721522630525293</v>
      </c>
      <c r="E51" s="19">
        <v>60.064371727952675</v>
      </c>
    </row>
    <row r="52" spans="1:5" x14ac:dyDescent="0.25">
      <c r="A52" s="24">
        <v>0.24651903288156615</v>
      </c>
      <c r="B52" s="19">
        <v>8.4261733196474893</v>
      </c>
      <c r="D52" s="27">
        <v>0.24651903288156615</v>
      </c>
      <c r="E52" s="19">
        <v>58.819303160095274</v>
      </c>
    </row>
    <row r="53" spans="1:5" x14ac:dyDescent="0.25">
      <c r="A53" s="24">
        <v>0.3081487911019577</v>
      </c>
      <c r="B53" s="19">
        <v>-1.846683787595623</v>
      </c>
      <c r="D53" s="27">
        <v>0.3081487911019577</v>
      </c>
      <c r="E53" s="19">
        <v>57.242210541448515</v>
      </c>
    </row>
    <row r="54" spans="1:5" x14ac:dyDescent="0.25">
      <c r="A54" s="24">
        <v>0.38518598887744715</v>
      </c>
      <c r="B54" s="19">
        <v>-14.1830536677179</v>
      </c>
      <c r="D54" s="27">
        <v>0.38518598887744715</v>
      </c>
      <c r="E54" s="19">
        <v>55.16906344063807</v>
      </c>
    </row>
    <row r="55" spans="1:5" x14ac:dyDescent="0.25">
      <c r="A55" s="24">
        <v>0.48148248609680894</v>
      </c>
      <c r="B55" s="19">
        <v>-28.115018766301375</v>
      </c>
      <c r="D55" s="27">
        <v>0.48148248609680894</v>
      </c>
      <c r="E55" s="19">
        <v>52.255846381583297</v>
      </c>
    </row>
    <row r="56" spans="1:5" x14ac:dyDescent="0.25">
      <c r="A56" s="24">
        <v>0.60185310762101119</v>
      </c>
      <c r="B56" s="19">
        <v>-41.711516589024598</v>
      </c>
      <c r="D56" s="27">
        <v>0.60185310762101119</v>
      </c>
      <c r="E56" s="19">
        <v>47.694678476280842</v>
      </c>
    </row>
    <row r="57" spans="1:5" x14ac:dyDescent="0.25">
      <c r="A57" s="24">
        <v>0.75231638452626393</v>
      </c>
      <c r="B57" s="19">
        <v>-51.645084644601894</v>
      </c>
      <c r="D57" s="27">
        <v>0.60787163869722127</v>
      </c>
      <c r="E57" s="19">
        <v>47.427838276766806</v>
      </c>
    </row>
    <row r="58" spans="1:5" x14ac:dyDescent="0.25">
      <c r="A58" s="24">
        <v>0.94039548065782985</v>
      </c>
      <c r="B58" s="19">
        <v>-56.45048718225496</v>
      </c>
      <c r="D58" s="27">
        <v>0.61395035508419349</v>
      </c>
      <c r="E58" s="19">
        <v>47.153718171371395</v>
      </c>
    </row>
    <row r="59" spans="1:5" x14ac:dyDescent="0.25">
      <c r="A59" s="24">
        <v>0.99999998999999995</v>
      </c>
      <c r="B59" s="19">
        <v>-57.428703308880955</v>
      </c>
      <c r="D59" s="27">
        <v>0.62008985863503541</v>
      </c>
      <c r="E59" s="19">
        <v>46.872011065268623</v>
      </c>
    </row>
    <row r="60" spans="1:5" x14ac:dyDescent="0.25">
      <c r="D60" s="28">
        <v>0.62629075722138572</v>
      </c>
      <c r="E60" s="19">
        <v>46.582393141026557</v>
      </c>
    </row>
    <row r="61" spans="1:5" x14ac:dyDescent="0.25">
      <c r="D61" s="28">
        <v>0.63255366479359953</v>
      </c>
      <c r="E61" s="19">
        <v>46.284522688116624</v>
      </c>
    </row>
    <row r="62" spans="1:5" x14ac:dyDescent="0.25">
      <c r="D62" s="28">
        <v>0.63887920144153554</v>
      </c>
      <c r="E62" s="19">
        <v>45.978038823751149</v>
      </c>
    </row>
    <row r="63" spans="1:5" x14ac:dyDescent="0.25">
      <c r="D63" s="28">
        <v>0.64526799345595087</v>
      </c>
      <c r="E63" s="19">
        <v>45.662560091828482</v>
      </c>
    </row>
    <row r="64" spans="1:5" x14ac:dyDescent="0.25">
      <c r="D64" s="28">
        <v>0.65172067339051043</v>
      </c>
      <c r="E64" s="19">
        <v>45.337682924732405</v>
      </c>
    </row>
    <row r="65" spans="4:5" x14ac:dyDescent="0.25">
      <c r="D65" s="28">
        <v>0.65823788012441553</v>
      </c>
      <c r="E65" s="19">
        <v>45.002979950350323</v>
      </c>
    </row>
    <row r="66" spans="4:5" x14ac:dyDescent="0.25">
      <c r="D66" s="28">
        <v>0.66482025892565966</v>
      </c>
      <c r="E66" s="19">
        <v>44.657998123819368</v>
      </c>
    </row>
    <row r="67" spans="4:5" x14ac:dyDescent="0.25">
      <c r="D67" s="28">
        <v>0.67146846151491624</v>
      </c>
      <c r="E67" s="19">
        <v>44.302256660118189</v>
      </c>
    </row>
    <row r="68" spans="4:5" x14ac:dyDescent="0.25">
      <c r="D68" s="28">
        <v>0.67818314613006536</v>
      </c>
      <c r="E68" s="19">
        <v>43.935244739533914</v>
      </c>
    </row>
    <row r="69" spans="4:5" x14ac:dyDescent="0.25">
      <c r="D69" s="28">
        <v>0.68496497759136599</v>
      </c>
      <c r="E69" s="19">
        <v>43.556418953133175</v>
      </c>
    </row>
    <row r="70" spans="4:5" x14ac:dyDescent="0.25">
      <c r="D70" s="28">
        <v>0.69181462736727961</v>
      </c>
      <c r="E70" s="19">
        <v>43.165200449405802</v>
      </c>
    </row>
    <row r="71" spans="4:5" x14ac:dyDescent="0.25">
      <c r="D71" s="28">
        <v>0.69873277364095243</v>
      </c>
      <c r="E71" s="19">
        <v>42.760971736010504</v>
      </c>
    </row>
    <row r="72" spans="4:5" x14ac:dyDescent="0.25">
      <c r="D72" s="28">
        <v>0.70572010137736196</v>
      </c>
      <c r="E72" s="19">
        <v>42.343073081689795</v>
      </c>
    </row>
    <row r="73" spans="4:5" x14ac:dyDescent="0.25">
      <c r="D73" s="28">
        <v>0.71277730239113557</v>
      </c>
      <c r="E73" s="19">
        <v>41.910798452514143</v>
      </c>
    </row>
    <row r="74" spans="4:5" x14ac:dyDescent="0.25">
      <c r="D74" s="28">
        <v>0.71990507541504689</v>
      </c>
      <c r="E74" s="19">
        <v>41.463390903111758</v>
      </c>
    </row>
    <row r="75" spans="4:5" x14ac:dyDescent="0.25">
      <c r="D75" s="28">
        <v>0.7271041261691974</v>
      </c>
      <c r="E75" s="19">
        <v>41.000037326728034</v>
      </c>
    </row>
    <row r="76" spans="4:5" x14ac:dyDescent="0.25">
      <c r="D76" s="28">
        <v>0.73437516743088938</v>
      </c>
      <c r="E76" s="19">
        <v>40.519862446873333</v>
      </c>
    </row>
    <row r="77" spans="4:5" x14ac:dyDescent="0.25">
      <c r="D77" s="28">
        <v>0.74171891910519827</v>
      </c>
      <c r="E77" s="19">
        <v>40.021921906699959</v>
      </c>
    </row>
    <row r="78" spans="4:5" x14ac:dyDescent="0.25">
      <c r="D78" s="28">
        <v>0.74913610829625021</v>
      </c>
      <c r="E78" s="19">
        <v>39.505194278401973</v>
      </c>
    </row>
    <row r="79" spans="4:5" x14ac:dyDescent="0.25">
      <c r="D79" s="28">
        <v>0.75662746937921277</v>
      </c>
      <c r="E79" s="19">
        <v>38.968571771560676</v>
      </c>
    </row>
    <row r="80" spans="4:5" x14ac:dyDescent="0.25">
      <c r="D80" s="28">
        <v>0.76419374407300489</v>
      </c>
      <c r="E80" s="19">
        <v>38.410849363306568</v>
      </c>
    </row>
    <row r="81" spans="4:5" x14ac:dyDescent="0.25">
      <c r="D81" s="28">
        <v>0.77183568151373494</v>
      </c>
      <c r="E81" s="19">
        <v>37.83071200011733</v>
      </c>
    </row>
    <row r="82" spans="4:5" x14ac:dyDescent="0.25">
      <c r="D82" s="28">
        <v>0.77955403832887227</v>
      </c>
      <c r="E82" s="19">
        <v>37.226719424971463</v>
      </c>
    </row>
    <row r="83" spans="4:5" x14ac:dyDescent="0.25">
      <c r="D83" s="28">
        <v>0.78734957871216105</v>
      </c>
      <c r="E83" s="19">
        <v>36.597288055876049</v>
      </c>
    </row>
    <row r="84" spans="4:5" x14ac:dyDescent="0.25">
      <c r="D84" s="28">
        <v>0.79522307449928265</v>
      </c>
      <c r="E84" s="19">
        <v>35.940669170293347</v>
      </c>
    </row>
    <row r="85" spans="4:5" x14ac:dyDescent="0.25">
      <c r="D85" s="28">
        <v>0.80317530524427549</v>
      </c>
      <c r="E85" s="19">
        <v>35.254922417029036</v>
      </c>
    </row>
    <row r="86" spans="4:5" x14ac:dyDescent="0.25">
      <c r="D86" s="28">
        <v>0.81120705829671824</v>
      </c>
      <c r="E86" s="19">
        <v>34.537883356778821</v>
      </c>
    </row>
    <row r="87" spans="4:5" x14ac:dyDescent="0.25">
      <c r="D87" s="28">
        <v>0.81931912887968539</v>
      </c>
      <c r="E87" s="19">
        <v>33.787123285995733</v>
      </c>
    </row>
    <row r="88" spans="4:5" x14ac:dyDescent="0.25">
      <c r="D88" s="28">
        <v>0.8275123201684822</v>
      </c>
      <c r="E88" s="19">
        <v>32.999898967373781</v>
      </c>
    </row>
    <row r="89" spans="4:5" x14ac:dyDescent="0.25">
      <c r="D89" s="28">
        <v>0.83578744337016697</v>
      </c>
      <c r="E89" s="19">
        <v>32.173088983265927</v>
      </c>
    </row>
    <row r="90" spans="4:5" x14ac:dyDescent="0.25">
      <c r="D90" s="28">
        <v>0.8441453178038687</v>
      </c>
      <c r="E90" s="19">
        <v>31.303112102893124</v>
      </c>
    </row>
    <row r="91" spans="4:5" x14ac:dyDescent="0.25">
      <c r="D91" s="28">
        <v>0.85258677098190738</v>
      </c>
      <c r="E91" s="19">
        <v>30.385821080031633</v>
      </c>
    </row>
    <row r="92" spans="4:5" x14ac:dyDescent="0.25">
      <c r="D92" s="28">
        <v>0.8611126386917265</v>
      </c>
      <c r="E92" s="19">
        <v>29.416362295422857</v>
      </c>
    </row>
    <row r="93" spans="4:5" x14ac:dyDescent="0.25">
      <c r="D93" s="28">
        <v>0.8697237650786438</v>
      </c>
      <c r="E93" s="19">
        <v>28.388986984270446</v>
      </c>
    </row>
    <row r="94" spans="4:5" x14ac:dyDescent="0.25">
      <c r="D94" s="28">
        <v>0.87842100272943024</v>
      </c>
      <c r="E94" s="19">
        <v>27.296792321728503</v>
      </c>
    </row>
    <row r="95" spans="4:5" x14ac:dyDescent="0.25">
      <c r="D95" s="28">
        <v>0.88720521275672459</v>
      </c>
      <c r="E95" s="19">
        <v>26.131358353465544</v>
      </c>
    </row>
    <row r="96" spans="4:5" x14ac:dyDescent="0.25">
      <c r="D96" s="28">
        <v>0.89607726488429185</v>
      </c>
      <c r="E96" s="19">
        <v>24.882225860344647</v>
      </c>
    </row>
    <row r="97" spans="4:5" x14ac:dyDescent="0.25">
      <c r="D97" s="28">
        <v>0.90503803753313472</v>
      </c>
      <c r="E97" s="19">
        <v>23.53612331313866</v>
      </c>
    </row>
    <row r="98" spans="4:5" x14ac:dyDescent="0.25">
      <c r="D98" s="28">
        <v>0.91408841790846607</v>
      </c>
      <c r="E98" s="19">
        <v>22.075782838111991</v>
      </c>
    </row>
    <row r="99" spans="4:5" x14ac:dyDescent="0.25">
      <c r="D99" s="28">
        <v>0.92322930208755072</v>
      </c>
      <c r="E99" s="19">
        <v>20.478052285523916</v>
      </c>
    </row>
    <row r="100" spans="4:5" x14ac:dyDescent="0.25">
      <c r="D100" s="28">
        <v>0.93246159510842619</v>
      </c>
      <c r="E100" s="19">
        <v>18.710735240321071</v>
      </c>
    </row>
    <row r="101" spans="4:5" x14ac:dyDescent="0.25">
      <c r="D101" s="28">
        <v>0.94178621105951044</v>
      </c>
      <c r="E101" s="19">
        <v>16.726975145645611</v>
      </c>
    </row>
    <row r="102" spans="4:5" x14ac:dyDescent="0.25">
      <c r="D102" s="28">
        <v>0.95120407317010558</v>
      </c>
      <c r="E102" s="19">
        <v>14.454484081629971</v>
      </c>
    </row>
    <row r="103" spans="4:5" x14ac:dyDescent="0.25">
      <c r="D103" s="28">
        <v>0.96071611390180667</v>
      </c>
      <c r="E103" s="19">
        <v>11.772690047571871</v>
      </c>
    </row>
    <row r="104" spans="4:5" x14ac:dyDescent="0.25">
      <c r="D104" s="28">
        <v>0.97032327504082472</v>
      </c>
      <c r="E104" s="19">
        <v>8.4568917333044737</v>
      </c>
    </row>
    <row r="105" spans="4:5" x14ac:dyDescent="0.25">
      <c r="D105" s="28">
        <v>0.98002650779123301</v>
      </c>
      <c r="E105" s="19">
        <v>4.0087996732541455</v>
      </c>
    </row>
    <row r="106" spans="4:5" x14ac:dyDescent="0.25">
      <c r="D106" s="28">
        <v>0.99</v>
      </c>
      <c r="E106" s="19">
        <v>-3.2816123888832749</v>
      </c>
    </row>
    <row r="107" spans="4:5" x14ac:dyDescent="0.25">
      <c r="D107" s="28">
        <v>0.99990000000000001</v>
      </c>
      <c r="E107" s="19">
        <v>-38.179201328937353</v>
      </c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FF6894-A752-499D-B689-177C69598132}">
  <dimension ref="A1:C16"/>
  <sheetViews>
    <sheetView zoomScale="115" zoomScaleNormal="115" workbookViewId="0">
      <selection activeCell="P10" sqref="P10"/>
    </sheetView>
  </sheetViews>
  <sheetFormatPr defaultRowHeight="15" x14ac:dyDescent="0.25"/>
  <cols>
    <col min="1" max="2" width="8.85546875" bestFit="1" customWidth="1"/>
    <col min="3" max="3" width="12.7109375" bestFit="1" customWidth="1"/>
    <col min="4" max="4" width="12.5703125" bestFit="1" customWidth="1"/>
    <col min="5" max="5" width="20.5703125" bestFit="1" customWidth="1"/>
  </cols>
  <sheetData>
    <row r="1" spans="1:3" x14ac:dyDescent="0.25">
      <c r="A1" s="42" t="s">
        <v>57</v>
      </c>
      <c r="B1" s="43"/>
      <c r="C1" s="43"/>
    </row>
    <row r="2" spans="1:3" x14ac:dyDescent="0.25">
      <c r="A2" s="7"/>
    </row>
    <row r="3" spans="1:3" x14ac:dyDescent="0.25">
      <c r="A3" s="33" t="s">
        <v>9</v>
      </c>
      <c r="B3" s="33" t="s">
        <v>9</v>
      </c>
      <c r="C3" s="33" t="s">
        <v>23</v>
      </c>
    </row>
    <row r="4" spans="1:3" x14ac:dyDescent="0.25">
      <c r="A4" s="32" t="s">
        <v>56</v>
      </c>
      <c r="B4" s="32" t="s">
        <v>10</v>
      </c>
      <c r="C4" s="32" t="s">
        <v>8</v>
      </c>
    </row>
    <row r="5" spans="1:3" x14ac:dyDescent="0.25">
      <c r="A5" s="32">
        <v>15</v>
      </c>
      <c r="B5" s="32">
        <v>1.4999999999999999E-2</v>
      </c>
      <c r="C5" s="32">
        <v>13.1</v>
      </c>
    </row>
    <row r="6" spans="1:3" x14ac:dyDescent="0.25">
      <c r="A6" s="32">
        <v>50</v>
      </c>
      <c r="B6" s="32">
        <v>0.05</v>
      </c>
      <c r="C6" s="34">
        <v>32.5</v>
      </c>
    </row>
    <row r="7" spans="1:3" x14ac:dyDescent="0.25">
      <c r="A7" s="32">
        <v>100</v>
      </c>
      <c r="B7" s="32">
        <v>0.1</v>
      </c>
      <c r="C7" s="34">
        <v>45.6</v>
      </c>
    </row>
    <row r="8" spans="1:3" x14ac:dyDescent="0.25">
      <c r="A8" s="32">
        <v>200</v>
      </c>
      <c r="B8" s="32">
        <v>0.2</v>
      </c>
      <c r="C8" s="34">
        <v>60.5</v>
      </c>
    </row>
    <row r="9" spans="1:3" x14ac:dyDescent="0.25">
      <c r="A9" s="32">
        <v>300</v>
      </c>
      <c r="B9" s="32">
        <v>0.3</v>
      </c>
      <c r="C9" s="34">
        <v>69</v>
      </c>
    </row>
    <row r="10" spans="1:3" x14ac:dyDescent="0.25">
      <c r="A10" s="32">
        <v>400</v>
      </c>
      <c r="B10" s="32">
        <v>0.4</v>
      </c>
      <c r="C10" s="34">
        <v>75.599999999999994</v>
      </c>
    </row>
    <row r="11" spans="1:3" x14ac:dyDescent="0.25">
      <c r="A11" s="32">
        <v>500</v>
      </c>
      <c r="B11" s="32">
        <v>0.5</v>
      </c>
      <c r="C11" s="34">
        <v>81.5</v>
      </c>
    </row>
    <row r="12" spans="1:3" x14ac:dyDescent="0.25">
      <c r="A12" s="32">
        <v>600</v>
      </c>
      <c r="B12" s="32">
        <v>0.6</v>
      </c>
      <c r="C12" s="34">
        <v>86.4</v>
      </c>
    </row>
    <row r="13" spans="1:3" x14ac:dyDescent="0.25">
      <c r="A13" s="32">
        <v>700</v>
      </c>
      <c r="B13" s="32">
        <v>0.7</v>
      </c>
      <c r="C13" s="34">
        <v>90.1</v>
      </c>
    </row>
    <row r="14" spans="1:3" x14ac:dyDescent="0.25">
      <c r="A14" s="32">
        <v>800</v>
      </c>
      <c r="B14" s="32">
        <v>0.8</v>
      </c>
      <c r="C14" s="34">
        <v>93.3</v>
      </c>
    </row>
    <row r="15" spans="1:3" x14ac:dyDescent="0.25">
      <c r="A15" s="32">
        <v>900</v>
      </c>
      <c r="B15" s="32">
        <v>0.9</v>
      </c>
      <c r="C15" s="34">
        <v>96.7</v>
      </c>
    </row>
    <row r="16" spans="1:3" x14ac:dyDescent="0.25">
      <c r="A16" s="32">
        <v>1000</v>
      </c>
      <c r="B16" s="32">
        <v>1</v>
      </c>
      <c r="C16" s="34">
        <v>99.7</v>
      </c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36B4E5-66C9-481E-B3FA-12E0DCD6C1FE}">
  <dimension ref="A1:F55"/>
  <sheetViews>
    <sheetView zoomScale="55" zoomScaleNormal="55" workbookViewId="0">
      <selection activeCell="B1" sqref="B1"/>
    </sheetView>
  </sheetViews>
  <sheetFormatPr defaultRowHeight="15" x14ac:dyDescent="0.25"/>
  <cols>
    <col min="1" max="1" width="13.140625" bestFit="1" customWidth="1"/>
    <col min="2" max="2" width="14" bestFit="1" customWidth="1"/>
    <col min="3" max="3" width="23.42578125" bestFit="1" customWidth="1"/>
    <col min="4" max="4" width="14.140625" bestFit="1" customWidth="1"/>
    <col min="5" max="5" width="16.5703125" bestFit="1" customWidth="1"/>
    <col min="6" max="6" width="23.42578125" bestFit="1" customWidth="1"/>
  </cols>
  <sheetData>
    <row r="1" spans="1:6" x14ac:dyDescent="0.25">
      <c r="A1" s="38">
        <v>1</v>
      </c>
      <c r="B1" s="35"/>
      <c r="C1" s="35"/>
      <c r="D1" s="35"/>
      <c r="E1" s="35"/>
      <c r="F1" s="35"/>
    </row>
    <row r="2" spans="1:6" x14ac:dyDescent="0.25">
      <c r="A2" t="s">
        <v>58</v>
      </c>
      <c r="B2" t="s">
        <v>62</v>
      </c>
    </row>
    <row r="3" spans="1:6" x14ac:dyDescent="0.25">
      <c r="A3" t="s">
        <v>61</v>
      </c>
      <c r="B3">
        <v>1.5</v>
      </c>
      <c r="C3" t="s">
        <v>34</v>
      </c>
    </row>
    <row r="4" spans="1:6" x14ac:dyDescent="0.25">
      <c r="A4" t="s">
        <v>59</v>
      </c>
      <c r="B4">
        <v>11</v>
      </c>
      <c r="C4" t="s">
        <v>7</v>
      </c>
    </row>
    <row r="5" spans="1:6" x14ac:dyDescent="0.25">
      <c r="A5" t="s">
        <v>60</v>
      </c>
      <c r="B5">
        <v>65</v>
      </c>
      <c r="C5" t="s">
        <v>8</v>
      </c>
    </row>
    <row r="7" spans="1:6" x14ac:dyDescent="0.25">
      <c r="A7" s="9" t="s">
        <v>63</v>
      </c>
      <c r="B7" s="9" t="s">
        <v>64</v>
      </c>
      <c r="C7" s="9" t="s">
        <v>69</v>
      </c>
      <c r="D7" s="9" t="s">
        <v>71</v>
      </c>
      <c r="E7" s="9" t="s">
        <v>67</v>
      </c>
      <c r="F7" s="9" t="s">
        <v>72</v>
      </c>
    </row>
    <row r="8" spans="1:6" x14ac:dyDescent="0.25">
      <c r="A8" s="9" t="s">
        <v>65</v>
      </c>
      <c r="B8" s="9" t="s">
        <v>66</v>
      </c>
      <c r="C8" s="10" t="s">
        <v>70</v>
      </c>
      <c r="D8" s="10" t="s">
        <v>36</v>
      </c>
      <c r="E8" s="10" t="s">
        <v>68</v>
      </c>
      <c r="F8" s="10" t="s">
        <v>73</v>
      </c>
    </row>
    <row r="9" spans="1:6" x14ac:dyDescent="0.25">
      <c r="A9" s="9">
        <v>0</v>
      </c>
      <c r="B9" s="18">
        <v>0</v>
      </c>
      <c r="C9" s="5" t="s">
        <v>7</v>
      </c>
      <c r="D9" s="5" t="s">
        <v>7</v>
      </c>
      <c r="E9" s="5" t="s">
        <v>7</v>
      </c>
      <c r="F9" s="5" t="s">
        <v>7</v>
      </c>
    </row>
    <row r="10" spans="1:6" x14ac:dyDescent="0.25">
      <c r="A10" s="9">
        <v>0.16666666666666666</v>
      </c>
      <c r="B10" s="18">
        <v>0.3765416926518943</v>
      </c>
      <c r="C10" s="11">
        <v>2.0727251977077064</v>
      </c>
      <c r="D10" s="20">
        <v>4.2545316062742936E-2</v>
      </c>
      <c r="E10" s="9">
        <v>4.7050526898261724E-2</v>
      </c>
      <c r="F10" s="25">
        <v>17.80712666269946</v>
      </c>
    </row>
    <row r="11" spans="1:6" x14ac:dyDescent="0.25">
      <c r="A11" s="9">
        <v>0.41666666666666669</v>
      </c>
      <c r="B11" s="18">
        <v>0.61640880947307253</v>
      </c>
      <c r="C11" s="11">
        <v>2.139022019040723</v>
      </c>
      <c r="D11" s="20">
        <v>2.7383713776414666E-2</v>
      </c>
      <c r="E11" s="9">
        <v>2.9811580840085637E-2</v>
      </c>
      <c r="F11" s="25">
        <v>28.1182018125916</v>
      </c>
    </row>
    <row r="12" spans="1:6" x14ac:dyDescent="0.25">
      <c r="A12" s="9">
        <v>0.75</v>
      </c>
      <c r="B12" s="18">
        <v>0.78163649363751753</v>
      </c>
      <c r="C12" s="11">
        <v>2.0202005924835396</v>
      </c>
      <c r="D12" s="20">
        <v>2.0547783255722929E-2</v>
      </c>
      <c r="E12" s="9">
        <v>2.2213237007089985E-2</v>
      </c>
      <c r="F12" s="25">
        <v>37.730413052625323</v>
      </c>
    </row>
    <row r="13" spans="1:6" x14ac:dyDescent="0.25">
      <c r="A13" s="9">
        <v>1.5</v>
      </c>
      <c r="B13" s="18">
        <v>0.9060710525072796</v>
      </c>
      <c r="C13" s="11">
        <v>1.8974181083911423</v>
      </c>
      <c r="D13" s="20">
        <v>1.2813350176717257E-2</v>
      </c>
      <c r="E13" s="9">
        <v>1.3743176620549899E-2</v>
      </c>
      <c r="F13" s="25">
        <v>60.940673820076356</v>
      </c>
    </row>
    <row r="14" spans="1:6" x14ac:dyDescent="0.25">
      <c r="A14" s="9">
        <v>2.25</v>
      </c>
      <c r="B14" s="18">
        <v>0.95526135478982366</v>
      </c>
      <c r="C14" s="11">
        <v>2.0134378535863102</v>
      </c>
      <c r="D14" s="20">
        <v>8.513135443093867E-3</v>
      </c>
      <c r="E14" s="9">
        <v>9.0915553252894042E-3</v>
      </c>
      <c r="F14" s="25">
        <v>92.419005458736763</v>
      </c>
    </row>
    <row r="16" spans="1:6" x14ac:dyDescent="0.25">
      <c r="A16" s="38">
        <v>2</v>
      </c>
      <c r="B16" s="35"/>
      <c r="C16" s="35"/>
      <c r="D16" s="35"/>
      <c r="E16" s="35"/>
      <c r="F16" s="35"/>
    </row>
    <row r="17" spans="1:6" x14ac:dyDescent="0.25">
      <c r="A17" t="s">
        <v>58</v>
      </c>
      <c r="B17" t="s">
        <v>62</v>
      </c>
    </row>
    <row r="18" spans="1:6" x14ac:dyDescent="0.25">
      <c r="A18" t="s">
        <v>61</v>
      </c>
      <c r="B18">
        <v>1.5</v>
      </c>
      <c r="C18" t="s">
        <v>34</v>
      </c>
    </row>
    <row r="19" spans="1:6" x14ac:dyDescent="0.25">
      <c r="A19" t="s">
        <v>59</v>
      </c>
      <c r="B19">
        <v>11</v>
      </c>
      <c r="C19" t="s">
        <v>7</v>
      </c>
    </row>
    <row r="20" spans="1:6" x14ac:dyDescent="0.25">
      <c r="A20" t="s">
        <v>60</v>
      </c>
      <c r="B20">
        <v>63</v>
      </c>
      <c r="C20" t="s">
        <v>8</v>
      </c>
    </row>
    <row r="22" spans="1:6" x14ac:dyDescent="0.25">
      <c r="A22" s="9" t="s">
        <v>63</v>
      </c>
      <c r="B22" s="9" t="s">
        <v>64</v>
      </c>
      <c r="C22" s="9" t="s">
        <v>69</v>
      </c>
      <c r="D22" s="9" t="s">
        <v>71</v>
      </c>
      <c r="E22" s="9" t="s">
        <v>67</v>
      </c>
      <c r="F22" s="9" t="s">
        <v>72</v>
      </c>
    </row>
    <row r="23" spans="1:6" x14ac:dyDescent="0.25">
      <c r="A23" s="9" t="s">
        <v>65</v>
      </c>
      <c r="B23" s="9" t="s">
        <v>66</v>
      </c>
      <c r="C23" s="10" t="s">
        <v>70</v>
      </c>
      <c r="D23" s="10" t="s">
        <v>36</v>
      </c>
      <c r="E23" s="10" t="s">
        <v>68</v>
      </c>
      <c r="F23" s="10" t="s">
        <v>73</v>
      </c>
    </row>
    <row r="24" spans="1:6" x14ac:dyDescent="0.25">
      <c r="A24" s="9">
        <v>0</v>
      </c>
      <c r="B24" s="20">
        <v>0</v>
      </c>
      <c r="C24" s="19" t="s">
        <v>7</v>
      </c>
      <c r="D24" s="19" t="s">
        <v>7</v>
      </c>
      <c r="E24" s="19" t="s">
        <v>7</v>
      </c>
      <c r="F24" s="19" t="s">
        <v>7</v>
      </c>
    </row>
    <row r="25" spans="1:6" x14ac:dyDescent="0.25">
      <c r="A25" s="9">
        <v>0.16666666666666666</v>
      </c>
      <c r="B25" s="20">
        <v>0.22691082692232614</v>
      </c>
      <c r="C25" s="9">
        <v>0.10019070233760216</v>
      </c>
      <c r="D25" s="20">
        <v>0.37807824563572956</v>
      </c>
      <c r="E25" s="9">
        <v>0.66476638208977978</v>
      </c>
      <c r="F25" s="19">
        <v>1.7664254195338376</v>
      </c>
    </row>
    <row r="26" spans="1:6" x14ac:dyDescent="0.25">
      <c r="A26" s="9">
        <v>0.41666666666666669</v>
      </c>
      <c r="B26" s="20">
        <v>0.36823934261414581</v>
      </c>
      <c r="C26" s="9">
        <v>0.14569116052057171</v>
      </c>
      <c r="D26" s="20">
        <v>0.22233701265046435</v>
      </c>
      <c r="E26" s="9">
        <v>0.30820639042587</v>
      </c>
      <c r="F26" s="19">
        <v>2.9501847349929387</v>
      </c>
    </row>
    <row r="27" spans="1:6" x14ac:dyDescent="0.25">
      <c r="A27" s="9">
        <v>0.75</v>
      </c>
      <c r="B27" s="20">
        <v>0.48548325690166466</v>
      </c>
      <c r="C27" s="9">
        <v>0.32383084553802033</v>
      </c>
      <c r="D27" s="20">
        <v>8.4319879354976771E-2</v>
      </c>
      <c r="E27" s="9">
        <v>9.8257984892725359E-2</v>
      </c>
      <c r="F27" s="19">
        <v>9.3737099300855373</v>
      </c>
    </row>
    <row r="28" spans="1:6" x14ac:dyDescent="0.25">
      <c r="A28" s="9">
        <v>1.5</v>
      </c>
      <c r="B28" s="20">
        <v>0.65495355116207921</v>
      </c>
      <c r="C28" s="9">
        <v>0.26931816060489994</v>
      </c>
      <c r="D28" s="20">
        <v>6.5340531968767504E-2</v>
      </c>
      <c r="E28" s="9">
        <v>7.4081208365775794E-2</v>
      </c>
      <c r="F28" s="19">
        <v>11.448300515489858</v>
      </c>
    </row>
    <row r="29" spans="1:6" x14ac:dyDescent="0.25">
      <c r="A29" s="9">
        <v>2.25</v>
      </c>
      <c r="B29" s="20">
        <v>0.77342503939576268</v>
      </c>
      <c r="C29" s="9">
        <v>0.29210693907445889</v>
      </c>
      <c r="D29" s="20">
        <v>4.7903250481922344E-2</v>
      </c>
      <c r="E29" s="9">
        <v>5.3273793824460194E-2</v>
      </c>
      <c r="F29" s="19">
        <v>15.725316622635965</v>
      </c>
    </row>
    <row r="30" spans="1:6" x14ac:dyDescent="0.25">
      <c r="A30" s="19">
        <v>3</v>
      </c>
      <c r="B30" s="37">
        <v>0.85207844583245473</v>
      </c>
      <c r="C30" s="19">
        <v>0.28740491675700297</v>
      </c>
      <c r="D30" s="37">
        <v>4.0723005678596901E-2</v>
      </c>
      <c r="E30" s="19">
        <v>4.4955469307197321E-2</v>
      </c>
      <c r="F30" s="19">
        <v>18.696297208961941</v>
      </c>
    </row>
    <row r="31" spans="1:6" x14ac:dyDescent="0.25">
      <c r="A31" s="36">
        <v>3.75</v>
      </c>
      <c r="B31" s="37">
        <v>0.90170315443527826</v>
      </c>
      <c r="C31" s="19">
        <v>0.28343178505526406</v>
      </c>
      <c r="D31" s="37">
        <v>3.5755335046204643E-2</v>
      </c>
      <c r="E31" s="19">
        <v>3.9287326190396245E-2</v>
      </c>
      <c r="F31" s="19">
        <v>21.701670706496159</v>
      </c>
    </row>
    <row r="32" spans="1:6" x14ac:dyDescent="0.25">
      <c r="A32" s="19">
        <v>4.5</v>
      </c>
      <c r="B32" s="37">
        <v>0.92542902664847904</v>
      </c>
      <c r="C32" s="19">
        <v>0.28226488325697335</v>
      </c>
      <c r="D32" s="37">
        <v>3.1204187470324721E-2</v>
      </c>
      <c r="E32" s="19">
        <v>3.413419326317417E-2</v>
      </c>
      <c r="F32" s="19">
        <v>25.252807165530431</v>
      </c>
    </row>
    <row r="33" spans="1:6" x14ac:dyDescent="0.25">
      <c r="A33" s="19">
        <v>5.25</v>
      </c>
      <c r="B33" s="37">
        <v>0.93985293944423431</v>
      </c>
      <c r="C33" s="19">
        <v>0.29579298188386594</v>
      </c>
      <c r="D33" s="37">
        <v>2.6882401375169319E-2</v>
      </c>
      <c r="E33" s="19">
        <v>2.9296116722343106E-2</v>
      </c>
      <c r="F33" s="19">
        <v>30.361403028019325</v>
      </c>
    </row>
    <row r="34" spans="1:6" x14ac:dyDescent="0.25">
      <c r="A34" s="19">
        <v>6</v>
      </c>
      <c r="B34" s="37">
        <v>0.95305755391823765</v>
      </c>
      <c r="C34" s="19">
        <v>0.29900241704802577</v>
      </c>
      <c r="D34" s="37">
        <v>2.4116023933806578E-2</v>
      </c>
      <c r="E34" s="19">
        <v>2.6213021693958814E-2</v>
      </c>
      <c r="F34" s="19">
        <v>34.534510476412152</v>
      </c>
    </row>
    <row r="36" spans="1:6" x14ac:dyDescent="0.25">
      <c r="A36" s="38">
        <v>3</v>
      </c>
      <c r="B36" s="35"/>
      <c r="C36" s="35"/>
      <c r="D36" s="35"/>
      <c r="E36" s="35"/>
      <c r="F36" s="35"/>
    </row>
    <row r="37" spans="1:6" x14ac:dyDescent="0.25">
      <c r="A37" t="s">
        <v>58</v>
      </c>
      <c r="B37" t="s">
        <v>62</v>
      </c>
    </row>
    <row r="38" spans="1:6" x14ac:dyDescent="0.25">
      <c r="A38" t="s">
        <v>61</v>
      </c>
      <c r="B38">
        <v>1.5</v>
      </c>
      <c r="C38" t="s">
        <v>34</v>
      </c>
    </row>
    <row r="39" spans="1:6" x14ac:dyDescent="0.25">
      <c r="A39" t="s">
        <v>59</v>
      </c>
      <c r="B39">
        <v>11</v>
      </c>
      <c r="C39" t="s">
        <v>7</v>
      </c>
    </row>
    <row r="40" spans="1:6" x14ac:dyDescent="0.25">
      <c r="A40" t="s">
        <v>60</v>
      </c>
      <c r="B40">
        <v>61</v>
      </c>
      <c r="C40" t="s">
        <v>8</v>
      </c>
    </row>
    <row r="42" spans="1:6" x14ac:dyDescent="0.25">
      <c r="A42" s="9" t="s">
        <v>63</v>
      </c>
      <c r="B42" s="9" t="s">
        <v>64</v>
      </c>
      <c r="C42" s="9" t="s">
        <v>69</v>
      </c>
      <c r="D42" s="9" t="s">
        <v>71</v>
      </c>
      <c r="E42" s="9" t="s">
        <v>67</v>
      </c>
      <c r="F42" s="9" t="s">
        <v>72</v>
      </c>
    </row>
    <row r="43" spans="1:6" x14ac:dyDescent="0.25">
      <c r="A43" s="9" t="s">
        <v>65</v>
      </c>
      <c r="B43" s="9" t="s">
        <v>66</v>
      </c>
      <c r="C43" s="10" t="s">
        <v>70</v>
      </c>
      <c r="D43" s="10" t="s">
        <v>36</v>
      </c>
      <c r="E43" s="10" t="s">
        <v>68</v>
      </c>
      <c r="F43" s="10" t="s">
        <v>73</v>
      </c>
    </row>
    <row r="44" spans="1:6" x14ac:dyDescent="0.25">
      <c r="A44" s="9">
        <v>0</v>
      </c>
      <c r="B44" s="20">
        <v>0</v>
      </c>
      <c r="C44" s="19" t="s">
        <v>7</v>
      </c>
      <c r="D44" s="19" t="s">
        <v>7</v>
      </c>
      <c r="E44" s="19" t="s">
        <v>7</v>
      </c>
      <c r="F44" s="19" t="s">
        <v>7</v>
      </c>
    </row>
    <row r="45" spans="1:6" x14ac:dyDescent="0.25">
      <c r="A45" s="9">
        <v>0.16666666666666666</v>
      </c>
      <c r="B45" s="20">
        <v>7.4464939815733863E-2</v>
      </c>
      <c r="C45" s="9" t="s">
        <v>7</v>
      </c>
      <c r="D45" s="20">
        <v>1</v>
      </c>
      <c r="E45" s="9" t="s">
        <v>7</v>
      </c>
      <c r="F45" s="19">
        <v>0</v>
      </c>
    </row>
    <row r="46" spans="1:6" x14ac:dyDescent="0.25">
      <c r="A46" s="9">
        <v>0.41666666666666669</v>
      </c>
      <c r="B46" s="20">
        <v>0.14274485212626525</v>
      </c>
      <c r="C46" s="9" t="s">
        <v>7</v>
      </c>
      <c r="D46" s="20">
        <v>1</v>
      </c>
      <c r="E46" s="9" t="s">
        <v>7</v>
      </c>
      <c r="F46" s="19">
        <v>0</v>
      </c>
    </row>
    <row r="47" spans="1:6" x14ac:dyDescent="0.25">
      <c r="A47" s="9">
        <v>0.75</v>
      </c>
      <c r="B47" s="20">
        <v>0.16465543752032302</v>
      </c>
      <c r="C47" s="29">
        <v>5.3897760195248424E-3</v>
      </c>
      <c r="D47" s="20">
        <v>0.63619011868212838</v>
      </c>
      <c r="E47" s="9">
        <v>2.6245438706315425</v>
      </c>
      <c r="F47" s="19">
        <v>0.54393594229501296</v>
      </c>
    </row>
    <row r="48" spans="1:6" x14ac:dyDescent="0.25">
      <c r="A48" s="9">
        <v>1.5</v>
      </c>
      <c r="B48" s="20">
        <v>0.23093104183123644</v>
      </c>
      <c r="C48" s="29">
        <v>6.4342022939264353E-3</v>
      </c>
      <c r="D48" s="20">
        <v>0.51604687172040364</v>
      </c>
      <c r="E48" s="9">
        <v>1.2017555937566644</v>
      </c>
      <c r="F48" s="19">
        <v>0.78640460526293332</v>
      </c>
    </row>
    <row r="49" spans="1:6" x14ac:dyDescent="0.25">
      <c r="A49" s="9">
        <v>2.25</v>
      </c>
      <c r="B49" s="20">
        <v>0.30688827354348747</v>
      </c>
      <c r="C49" s="29">
        <v>9.0304127833653429E-3</v>
      </c>
      <c r="D49" s="20">
        <v>0.39044713712286272</v>
      </c>
      <c r="E49" s="9">
        <v>0.67866524605433498</v>
      </c>
      <c r="F49" s="19">
        <v>1.2360879699760927</v>
      </c>
    </row>
    <row r="50" spans="1:6" x14ac:dyDescent="0.25">
      <c r="A50" s="19">
        <v>3</v>
      </c>
      <c r="B50" s="37">
        <v>0.38958844385880664</v>
      </c>
      <c r="C50" s="28">
        <v>7.4652051088800343E-3</v>
      </c>
      <c r="D50" s="37">
        <v>0.42411274874354299</v>
      </c>
      <c r="E50" s="19">
        <v>0.78414809007434128</v>
      </c>
      <c r="F50" s="19">
        <v>1.082233978777503</v>
      </c>
    </row>
    <row r="51" spans="1:6" x14ac:dyDescent="0.25">
      <c r="A51" s="36">
        <v>3.75</v>
      </c>
      <c r="B51" s="37">
        <v>0.46039214432173114</v>
      </c>
      <c r="C51" s="28">
        <v>5.8992316231956839E-3</v>
      </c>
      <c r="D51" s="37">
        <v>0.47119695717065258</v>
      </c>
      <c r="E51" s="19">
        <v>0.95079976433063118</v>
      </c>
      <c r="F51" s="19">
        <v>0.89540979138371024</v>
      </c>
    </row>
    <row r="52" spans="1:6" x14ac:dyDescent="0.25">
      <c r="A52" s="19">
        <v>4.5</v>
      </c>
      <c r="B52" s="37">
        <v>0.53111634297003529</v>
      </c>
      <c r="C52" s="28">
        <v>4.8671894912998073E-3</v>
      </c>
      <c r="D52" s="37">
        <v>0.51485264920476281</v>
      </c>
      <c r="E52" s="19">
        <v>1.158998734976519</v>
      </c>
      <c r="F52" s="19">
        <v>0.76738725458454837</v>
      </c>
    </row>
    <row r="53" spans="1:6" x14ac:dyDescent="0.25">
      <c r="A53" s="19">
        <v>5.25</v>
      </c>
      <c r="B53" s="37">
        <v>0.57759414633388262</v>
      </c>
      <c r="C53" s="28">
        <v>7.5017129947902213E-3</v>
      </c>
      <c r="D53" s="37">
        <v>0.42070056340126111</v>
      </c>
      <c r="E53" s="19">
        <v>0.85384222849259961</v>
      </c>
      <c r="F53" s="19">
        <v>1.2619417602378384</v>
      </c>
    </row>
    <row r="54" spans="1:6" x14ac:dyDescent="0.25">
      <c r="A54" s="19">
        <v>6</v>
      </c>
      <c r="B54" s="37">
        <v>0.61729616964531786</v>
      </c>
      <c r="C54" s="28">
        <v>7.2090520896889122E-3</v>
      </c>
      <c r="D54" s="37">
        <v>0.43097582399861489</v>
      </c>
      <c r="E54" s="19">
        <v>0.9400134560330925</v>
      </c>
      <c r="F54" s="19">
        <v>1.2955762784086615</v>
      </c>
    </row>
    <row r="55" spans="1:6" x14ac:dyDescent="0.25">
      <c r="C55" s="39"/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1C116C-63B1-4218-AFFB-01622CE5D40B}">
  <dimension ref="A1:D40"/>
  <sheetViews>
    <sheetView workbookViewId="0">
      <selection activeCell="B10" sqref="B10"/>
    </sheetView>
  </sheetViews>
  <sheetFormatPr defaultRowHeight="15" x14ac:dyDescent="0.25"/>
  <cols>
    <col min="1" max="4" width="9.140625" style="9"/>
  </cols>
  <sheetData>
    <row r="1" spans="1:4" x14ac:dyDescent="0.25">
      <c r="A1" s="35"/>
      <c r="B1" s="35"/>
      <c r="C1" s="35"/>
      <c r="D1" s="35"/>
    </row>
    <row r="2" spans="1:4" x14ac:dyDescent="0.25">
      <c r="A2" s="9" t="s">
        <v>75</v>
      </c>
      <c r="B2" s="9" t="s">
        <v>76</v>
      </c>
      <c r="C2" s="9" t="s">
        <v>77</v>
      </c>
      <c r="D2" s="9" t="s">
        <v>78</v>
      </c>
    </row>
    <row r="3" spans="1:4" x14ac:dyDescent="0.25">
      <c r="A3" s="9" t="s">
        <v>8</v>
      </c>
      <c r="B3" s="9" t="s">
        <v>10</v>
      </c>
      <c r="C3" s="9" t="s">
        <v>10</v>
      </c>
      <c r="D3" s="9" t="s">
        <v>10</v>
      </c>
    </row>
    <row r="4" spans="1:4" x14ac:dyDescent="0.25">
      <c r="A4" s="9">
        <v>65</v>
      </c>
      <c r="B4" s="9">
        <v>8.0646334500115192E-3</v>
      </c>
      <c r="C4" s="9">
        <v>0.25622037539618908</v>
      </c>
      <c r="D4" s="9">
        <v>0.24815574194617757</v>
      </c>
    </row>
    <row r="5" spans="1:4" x14ac:dyDescent="0.25">
      <c r="A5" s="9">
        <v>10</v>
      </c>
      <c r="B5" s="9">
        <v>7.2074805916818761E-4</v>
      </c>
      <c r="C5" s="9">
        <v>1.2662671202619583E-2</v>
      </c>
      <c r="D5" s="9">
        <v>1.1941923143451395E-2</v>
      </c>
    </row>
    <row r="6" spans="1:4" x14ac:dyDescent="0.25">
      <c r="A6" s="9">
        <v>12</v>
      </c>
      <c r="B6" s="9">
        <v>7.9986018028576733E-4</v>
      </c>
      <c r="C6" s="9">
        <v>1.4464800339630121E-2</v>
      </c>
      <c r="D6" s="9">
        <v>1.3664940159344354E-2</v>
      </c>
    </row>
    <row r="7" spans="1:4" x14ac:dyDescent="0.25">
      <c r="A7" s="9">
        <v>14</v>
      </c>
      <c r="B7" s="9">
        <v>8.8636843191986186E-4</v>
      </c>
      <c r="C7" s="9">
        <v>1.6488009239796177E-2</v>
      </c>
      <c r="D7" s="9">
        <v>1.5601640807876316E-2</v>
      </c>
    </row>
    <row r="8" spans="1:4" x14ac:dyDescent="0.25">
      <c r="A8" s="9">
        <v>16</v>
      </c>
      <c r="B8" s="9">
        <v>9.8083776693440121E-4</v>
      </c>
      <c r="C8" s="9">
        <v>1.8754865493427777E-2</v>
      </c>
      <c r="D8" s="9">
        <v>1.7774027726493377E-2</v>
      </c>
    </row>
    <row r="9" spans="1:4" x14ac:dyDescent="0.25">
      <c r="A9" s="9">
        <v>18</v>
      </c>
      <c r="B9" s="9">
        <v>1.0838657769073046E-3</v>
      </c>
      <c r="C9" s="9">
        <v>2.1289740038330847E-2</v>
      </c>
      <c r="D9" s="9">
        <v>2.0205874261423541E-2</v>
      </c>
    </row>
    <row r="10" spans="1:4" x14ac:dyDescent="0.25">
      <c r="A10" s="9">
        <v>20</v>
      </c>
      <c r="B10" s="9">
        <v>1.1960838649553605E-3</v>
      </c>
      <c r="C10" s="9">
        <v>2.4118905773347674E-2</v>
      </c>
      <c r="D10" s="9">
        <v>2.2922821908392312E-2</v>
      </c>
    </row>
    <row r="11" spans="1:4" x14ac:dyDescent="0.25">
      <c r="A11" s="9">
        <v>22</v>
      </c>
      <c r="B11" s="9">
        <v>1.3181584230479496E-3</v>
      </c>
      <c r="C11" s="9">
        <v>2.7270638281680935E-2</v>
      </c>
      <c r="D11" s="9">
        <v>2.5952479858632985E-2</v>
      </c>
    </row>
    <row r="12" spans="1:4" x14ac:dyDescent="0.25">
      <c r="A12" s="9">
        <v>24</v>
      </c>
      <c r="B12" s="9">
        <v>1.4507920121936235E-3</v>
      </c>
      <c r="C12" s="9">
        <v>3.0775318523097058E-2</v>
      </c>
      <c r="D12" s="9">
        <v>2.9324526510903434E-2</v>
      </c>
    </row>
    <row r="13" spans="1:4" x14ac:dyDescent="0.25">
      <c r="A13" s="9">
        <v>26</v>
      </c>
      <c r="B13" s="9">
        <v>1.5947245438730508E-3</v>
      </c>
      <c r="C13" s="9">
        <v>3.4665537346743505E-2</v>
      </c>
      <c r="D13" s="9">
        <v>3.3070812802870456E-2</v>
      </c>
    </row>
    <row r="14" spans="1:4" x14ac:dyDescent="0.25">
      <c r="A14" s="9">
        <v>28</v>
      </c>
      <c r="B14" s="9">
        <v>1.750734461085606E-3</v>
      </c>
      <c r="C14" s="9">
        <v>3.897620166952729E-2</v>
      </c>
      <c r="D14" s="9">
        <v>3.7225467208441686E-2</v>
      </c>
    </row>
    <row r="15" spans="1:4" x14ac:dyDescent="0.25">
      <c r="A15" s="9">
        <v>30</v>
      </c>
      <c r="B15" s="9">
        <v>1.9196399173749734E-3</v>
      </c>
      <c r="C15" s="9">
        <v>4.3744642158803825E-2</v>
      </c>
      <c r="D15" s="9">
        <v>4.1825002241428849E-2</v>
      </c>
    </row>
    <row r="16" spans="1:4" x14ac:dyDescent="0.25">
      <c r="A16" s="9">
        <v>32</v>
      </c>
      <c r="B16" s="9">
        <v>2.1022999522013895E-3</v>
      </c>
      <c r="C16" s="9">
        <v>4.9010722252542875E-2</v>
      </c>
      <c r="D16" s="9">
        <v>4.6908422300341486E-2</v>
      </c>
    </row>
    <row r="17" spans="1:4" x14ac:dyDescent="0.25">
      <c r="A17" s="9">
        <v>34</v>
      </c>
      <c r="B17" s="9">
        <v>2.2996156610344681E-3</v>
      </c>
      <c r="C17" s="9">
        <v>5.4816948345168107E-2</v>
      </c>
      <c r="D17" s="9">
        <v>5.2517332684133639E-2</v>
      </c>
    </row>
    <row r="18" spans="1:4" x14ac:dyDescent="0.25">
      <c r="A18" s="9">
        <v>36</v>
      </c>
      <c r="B18" s="9">
        <v>2.5125313585508016E-3</v>
      </c>
      <c r="C18" s="9">
        <v>6.1208580962931476E-2</v>
      </c>
      <c r="D18" s="9">
        <v>5.8696049604380678E-2</v>
      </c>
    </row>
    <row r="19" spans="1:4" x14ac:dyDescent="0.25">
      <c r="A19" s="9">
        <v>38</v>
      </c>
      <c r="B19" s="9">
        <v>2.7420357333345627E-3</v>
      </c>
      <c r="C19" s="9">
        <v>6.8233746748979543E-2</v>
      </c>
      <c r="D19" s="9">
        <v>6.5491711015644979E-2</v>
      </c>
    </row>
    <row r="20" spans="1:4" x14ac:dyDescent="0.25">
      <c r="A20" s="9">
        <v>40</v>
      </c>
      <c r="B20" s="9">
        <v>2.9891629924970525E-3</v>
      </c>
      <c r="C20" s="9">
        <v>7.5943551075195639E-2</v>
      </c>
      <c r="D20" s="9">
        <v>7.2954388082698593E-2</v>
      </c>
    </row>
    <row r="21" spans="1:4" x14ac:dyDescent="0.25">
      <c r="A21" s="9">
        <v>42</v>
      </c>
      <c r="B21" s="9">
        <v>3.2549939946523551E-3</v>
      </c>
      <c r="C21" s="9">
        <v>8.4392191095465474E-2</v>
      </c>
      <c r="D21" s="9">
        <v>8.1137197100813116E-2</v>
      </c>
    </row>
    <row r="22" spans="1:4" x14ac:dyDescent="0.25">
      <c r="A22" s="9">
        <v>44</v>
      </c>
      <c r="B22" s="9">
        <v>3.5406573697107577E-3</v>
      </c>
      <c r="C22" s="9">
        <v>9.3637069053195743E-2</v>
      </c>
      <c r="D22" s="9">
        <v>9.0096411683484992E-2</v>
      </c>
    </row>
    <row r="23" spans="1:4" x14ac:dyDescent="0.25">
      <c r="A23" s="9">
        <v>46</v>
      </c>
      <c r="B23" s="9">
        <v>3.8473306239793122E-3</v>
      </c>
      <c r="C23" s="9">
        <v>0.10373890565471862</v>
      </c>
      <c r="D23" s="9">
        <v>9.989157503073931E-2</v>
      </c>
    </row>
    <row r="24" spans="1:4" x14ac:dyDescent="0.25">
      <c r="A24" s="9">
        <v>48</v>
      </c>
      <c r="B24" s="9">
        <v>4.1762412290896819E-3</v>
      </c>
      <c r="C24" s="9">
        <v>0.11476185331962147</v>
      </c>
      <c r="D24" s="9">
        <v>0.11058561209053178</v>
      </c>
    </row>
    <row r="25" spans="1:4" x14ac:dyDescent="0.25">
      <c r="A25" s="9">
        <v>50</v>
      </c>
      <c r="B25" s="9">
        <v>4.5286676933068686E-3</v>
      </c>
      <c r="C25" s="9">
        <v>0.1267736091190399</v>
      </c>
      <c r="D25" s="9">
        <v>0.12224494142573303</v>
      </c>
    </row>
    <row r="26" spans="1:4" x14ac:dyDescent="0.25">
      <c r="A26" s="9">
        <v>52</v>
      </c>
      <c r="B26" s="9">
        <v>4.9059406138086802E-3</v>
      </c>
      <c r="C26" s="9">
        <v>0.13984552721352034</v>
      </c>
      <c r="D26" s="9">
        <v>0.13493958659971167</v>
      </c>
    </row>
    <row r="27" spans="1:4" x14ac:dyDescent="0.25">
      <c r="A27" s="9">
        <v>54</v>
      </c>
      <c r="B27" s="9">
        <v>5.3094437085643093E-3</v>
      </c>
      <c r="C27" s="9">
        <v>0.15405273060318767</v>
      </c>
      <c r="D27" s="9">
        <v>0.14874328689462335</v>
      </c>
    </row>
    <row r="28" spans="1:4" x14ac:dyDescent="0.25">
      <c r="A28" s="9">
        <v>56</v>
      </c>
      <c r="B28" s="9">
        <v>5.7406148264815748E-3</v>
      </c>
      <c r="C28" s="9">
        <v>0.16947422200462295</v>
      </c>
      <c r="D28" s="9">
        <v>0.16373360717814137</v>
      </c>
    </row>
    <row r="29" spans="1:4" x14ac:dyDescent="0.25">
      <c r="A29" s="9">
        <v>58</v>
      </c>
      <c r="B29" s="9">
        <v>6.20094693453512E-3</v>
      </c>
      <c r="C29" s="9">
        <v>0.1861929936710193</v>
      </c>
      <c r="D29" s="9">
        <v>0.17999204673648417</v>
      </c>
    </row>
    <row r="30" spans="1:4" x14ac:dyDescent="0.25">
      <c r="A30" s="9">
        <v>61</v>
      </c>
      <c r="B30" s="9">
        <v>6.9495260612813629E-3</v>
      </c>
      <c r="C30" s="9">
        <v>0.21389520884184576</v>
      </c>
      <c r="D30" s="9">
        <v>0.20694568278056441</v>
      </c>
    </row>
    <row r="31" spans="1:4" x14ac:dyDescent="0.25">
      <c r="A31" s="9">
        <v>63</v>
      </c>
      <c r="B31" s="9">
        <v>7.4896627066960023E-3</v>
      </c>
      <c r="C31" s="9">
        <v>0.23424742953142344</v>
      </c>
      <c r="D31" s="9">
        <v>0.22675776682472742</v>
      </c>
    </row>
    <row r="32" spans="1:4" x14ac:dyDescent="0.25">
      <c r="A32" s="9">
        <v>65</v>
      </c>
      <c r="B32" s="9">
        <v>8.0646334500115192E-3</v>
      </c>
      <c r="C32" s="9">
        <v>0.25622037539618908</v>
      </c>
      <c r="D32" s="9">
        <v>0.24815574194617757</v>
      </c>
    </row>
    <row r="33" spans="1:4" x14ac:dyDescent="0.25">
      <c r="A33" s="9">
        <v>67</v>
      </c>
      <c r="B33" s="9">
        <v>8.6761908272141117E-3</v>
      </c>
      <c r="C33" s="9">
        <v>0.27991631332474398</v>
      </c>
      <c r="D33" s="9">
        <v>0.27124012249752988</v>
      </c>
    </row>
    <row r="34" spans="1:4" x14ac:dyDescent="0.25">
      <c r="A34" s="9">
        <v>69</v>
      </c>
      <c r="B34" s="9">
        <v>9.3261474569690042E-3</v>
      </c>
      <c r="C34" s="9">
        <v>0.30544207695945852</v>
      </c>
      <c r="D34" s="9">
        <v>0.29611592950248949</v>
      </c>
    </row>
    <row r="35" spans="1:4" x14ac:dyDescent="0.25">
      <c r="A35" s="9">
        <v>71</v>
      </c>
      <c r="B35" s="9">
        <v>1.001637684999627E-2</v>
      </c>
      <c r="C35" s="9">
        <v>0.33290916540327514</v>
      </c>
      <c r="D35" s="9">
        <v>0.32289278855327885</v>
      </c>
    </row>
    <row r="36" spans="1:4" x14ac:dyDescent="0.25">
      <c r="A36" s="9">
        <v>73</v>
      </c>
      <c r="B36" s="9">
        <v>1.0748814187307831E-2</v>
      </c>
      <c r="C36" s="9">
        <v>0.36243383960882936</v>
      </c>
      <c r="D36" s="9">
        <v>0.35168502542152152</v>
      </c>
    </row>
    <row r="37" spans="1:4" x14ac:dyDescent="0.25">
      <c r="A37" s="9">
        <v>75</v>
      </c>
      <c r="B37" s="9">
        <v>1.1525457066443551E-2</v>
      </c>
      <c r="C37" s="9">
        <v>0.39413721630217718</v>
      </c>
      <c r="D37" s="9">
        <v>0.38261175923573365</v>
      </c>
    </row>
    <row r="38" spans="1:4" x14ac:dyDescent="0.25">
      <c r="A38" s="9">
        <v>77</v>
      </c>
      <c r="B38" s="9">
        <v>1.2348366214899185E-2</v>
      </c>
      <c r="C38" s="9">
        <v>0.42814535929917513</v>
      </c>
      <c r="D38" s="9">
        <v>0.41579699308427592</v>
      </c>
    </row>
    <row r="39" spans="1:4" x14ac:dyDescent="0.25">
      <c r="A39" s="9">
        <v>79</v>
      </c>
      <c r="B39" s="9">
        <v>1.3219666169993073E-2</v>
      </c>
      <c r="C39" s="9">
        <v>0.4645893680785656</v>
      </c>
      <c r="D39" s="9">
        <v>0.45136970190857251</v>
      </c>
    </row>
    <row r="40" spans="1:4" x14ac:dyDescent="0.25">
      <c r="A40" s="9">
        <v>81</v>
      </c>
      <c r="B40" s="9">
        <v>1.4141545924473815E-2</v>
      </c>
      <c r="C40" s="9">
        <v>0.50360546348206381</v>
      </c>
      <c r="D40" s="9">
        <v>0.48946391755758994</v>
      </c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A63585-5B61-4BAA-A1F9-CBB155FF9283}">
  <dimension ref="A1:F59"/>
  <sheetViews>
    <sheetView zoomScale="70" zoomScaleNormal="70" workbookViewId="0"/>
  </sheetViews>
  <sheetFormatPr defaultRowHeight="15" x14ac:dyDescent="0.25"/>
  <cols>
    <col min="1" max="1" width="13.7109375" bestFit="1" customWidth="1"/>
    <col min="2" max="2" width="14" bestFit="1" customWidth="1"/>
    <col min="3" max="3" width="23.42578125" bestFit="1" customWidth="1"/>
    <col min="4" max="4" width="14.140625" bestFit="1" customWidth="1"/>
    <col min="5" max="5" width="16.28515625" bestFit="1" customWidth="1"/>
    <col min="6" max="6" width="23.42578125" bestFit="1" customWidth="1"/>
  </cols>
  <sheetData>
    <row r="1" spans="1:6" x14ac:dyDescent="0.25">
      <c r="A1" s="38">
        <v>1</v>
      </c>
      <c r="B1" s="35"/>
      <c r="C1" s="35"/>
      <c r="D1" s="35"/>
      <c r="E1" s="35"/>
      <c r="F1" s="35"/>
    </row>
    <row r="2" spans="1:6" x14ac:dyDescent="0.25">
      <c r="A2" t="s">
        <v>58</v>
      </c>
      <c r="B2" t="s">
        <v>47</v>
      </c>
    </row>
    <row r="3" spans="1:6" x14ac:dyDescent="0.25">
      <c r="A3" t="s">
        <v>61</v>
      </c>
      <c r="B3">
        <v>1</v>
      </c>
      <c r="C3" t="s">
        <v>34</v>
      </c>
    </row>
    <row r="4" spans="1:6" x14ac:dyDescent="0.25">
      <c r="A4" t="s">
        <v>74</v>
      </c>
      <c r="B4">
        <v>11</v>
      </c>
      <c r="C4" t="s">
        <v>7</v>
      </c>
    </row>
    <row r="5" spans="1:6" x14ac:dyDescent="0.25">
      <c r="A5" t="s">
        <v>60</v>
      </c>
      <c r="B5">
        <v>65</v>
      </c>
      <c r="C5" t="s">
        <v>8</v>
      </c>
    </row>
    <row r="7" spans="1:6" x14ac:dyDescent="0.25">
      <c r="A7" s="9" t="s">
        <v>63</v>
      </c>
      <c r="B7" s="9" t="s">
        <v>64</v>
      </c>
      <c r="C7" s="9" t="s">
        <v>69</v>
      </c>
      <c r="D7" s="9" t="s">
        <v>71</v>
      </c>
      <c r="E7" s="9" t="s">
        <v>67</v>
      </c>
      <c r="F7" s="9" t="s">
        <v>72</v>
      </c>
    </row>
    <row r="8" spans="1:6" x14ac:dyDescent="0.25">
      <c r="A8" s="9" t="s">
        <v>65</v>
      </c>
      <c r="B8" s="9" t="s">
        <v>66</v>
      </c>
      <c r="C8" s="10" t="s">
        <v>70</v>
      </c>
      <c r="D8" s="10" t="s">
        <v>36</v>
      </c>
      <c r="E8" s="10" t="s">
        <v>68</v>
      </c>
      <c r="F8" s="10" t="s">
        <v>73</v>
      </c>
    </row>
    <row r="9" spans="1:6" x14ac:dyDescent="0.25">
      <c r="A9" s="9">
        <v>0</v>
      </c>
      <c r="B9" s="18">
        <v>1.9320677721874929E-4</v>
      </c>
      <c r="C9" s="5" t="s">
        <v>7</v>
      </c>
      <c r="D9" s="5" t="s">
        <v>7</v>
      </c>
      <c r="E9" s="5" t="s">
        <v>7</v>
      </c>
      <c r="F9" s="5" t="s">
        <v>7</v>
      </c>
    </row>
    <row r="10" spans="1:6" x14ac:dyDescent="0.25">
      <c r="A10" s="9">
        <v>0.16666666666666666</v>
      </c>
      <c r="B10" s="18">
        <v>0.18124904352678553</v>
      </c>
      <c r="C10" s="11">
        <v>1.3544026012657002</v>
      </c>
      <c r="D10" s="20">
        <v>2.0920662021768795E-2</v>
      </c>
      <c r="E10" s="9">
        <v>2.2624978896955826E-2</v>
      </c>
      <c r="F10" s="25">
        <v>37.045399145972411</v>
      </c>
    </row>
    <row r="11" spans="1:6" x14ac:dyDescent="0.25">
      <c r="A11" s="9">
        <v>0.41666666666666669</v>
      </c>
      <c r="B11" s="18">
        <v>0.46751585604830553</v>
      </c>
      <c r="C11" s="11">
        <v>2.0135302585389945</v>
      </c>
      <c r="D11" s="20">
        <v>1.4967292427078213E-2</v>
      </c>
      <c r="E11" s="9">
        <v>1.6090647411205378E-2</v>
      </c>
      <c r="F11" s="25">
        <v>52.512016738622833</v>
      </c>
    </row>
    <row r="12" spans="1:6" x14ac:dyDescent="0.25">
      <c r="A12" s="9">
        <v>0.75</v>
      </c>
      <c r="B12" s="18">
        <v>0.7167409094153816</v>
      </c>
      <c r="C12" s="11">
        <v>2.2264435794383615</v>
      </c>
      <c r="D12" s="20">
        <v>1.1638115342655346E-2</v>
      </c>
      <c r="E12" s="9">
        <v>1.2471027336387193E-2</v>
      </c>
      <c r="F12" s="25">
        <v>68.67659642087628</v>
      </c>
    </row>
    <row r="13" spans="1:6" x14ac:dyDescent="0.25">
      <c r="A13" s="9">
        <v>1.5</v>
      </c>
      <c r="B13" s="18">
        <v>0.88309792472940796</v>
      </c>
      <c r="C13" s="11">
        <v>2.1317466454219485</v>
      </c>
      <c r="D13" s="20">
        <v>7.4379175210231227E-3</v>
      </c>
      <c r="E13" s="9">
        <v>7.9356605360210147E-3</v>
      </c>
      <c r="F13" s="25">
        <v>107.73092151159871</v>
      </c>
    </row>
    <row r="14" spans="1:6" x14ac:dyDescent="0.25">
      <c r="A14" s="9"/>
      <c r="B14" s="18"/>
      <c r="C14" s="11"/>
      <c r="D14" s="20"/>
      <c r="E14" s="9"/>
      <c r="F14" s="25"/>
    </row>
    <row r="16" spans="1:6" x14ac:dyDescent="0.25">
      <c r="A16" s="38">
        <v>2</v>
      </c>
      <c r="B16" s="35"/>
      <c r="C16" s="35"/>
      <c r="D16" s="35"/>
      <c r="E16" s="35"/>
      <c r="F16" s="35"/>
    </row>
    <row r="17" spans="1:6" x14ac:dyDescent="0.25">
      <c r="A17" t="s">
        <v>58</v>
      </c>
      <c r="B17" t="s">
        <v>48</v>
      </c>
    </row>
    <row r="18" spans="1:6" x14ac:dyDescent="0.25">
      <c r="A18" t="s">
        <v>61</v>
      </c>
      <c r="B18">
        <v>2</v>
      </c>
      <c r="C18" t="s">
        <v>34</v>
      </c>
    </row>
    <row r="19" spans="1:6" x14ac:dyDescent="0.25">
      <c r="A19" t="s">
        <v>74</v>
      </c>
      <c r="B19">
        <v>11</v>
      </c>
      <c r="C19" t="s">
        <v>7</v>
      </c>
    </row>
    <row r="20" spans="1:6" x14ac:dyDescent="0.25">
      <c r="A20" t="s">
        <v>60</v>
      </c>
      <c r="B20">
        <v>65</v>
      </c>
      <c r="C20" t="s">
        <v>8</v>
      </c>
    </row>
    <row r="22" spans="1:6" x14ac:dyDescent="0.25">
      <c r="A22" s="9" t="s">
        <v>63</v>
      </c>
      <c r="B22" s="9" t="s">
        <v>64</v>
      </c>
      <c r="C22" s="9" t="s">
        <v>69</v>
      </c>
      <c r="D22" s="9" t="s">
        <v>71</v>
      </c>
      <c r="E22" s="9" t="s">
        <v>67</v>
      </c>
      <c r="F22" s="9" t="s">
        <v>72</v>
      </c>
    </row>
    <row r="23" spans="1:6" x14ac:dyDescent="0.25">
      <c r="A23" s="9" t="s">
        <v>65</v>
      </c>
      <c r="B23" s="9" t="s">
        <v>66</v>
      </c>
      <c r="C23" s="10" t="s">
        <v>70</v>
      </c>
      <c r="D23" s="10" t="s">
        <v>36</v>
      </c>
      <c r="E23" s="10" t="s">
        <v>68</v>
      </c>
      <c r="F23" s="10" t="s">
        <v>73</v>
      </c>
    </row>
    <row r="24" spans="1:6" x14ac:dyDescent="0.25">
      <c r="A24" s="9">
        <v>0</v>
      </c>
      <c r="B24" s="20">
        <v>2.2659689982043965E-4</v>
      </c>
      <c r="C24" s="19" t="s">
        <v>7</v>
      </c>
      <c r="D24" s="19" t="s">
        <v>7</v>
      </c>
      <c r="E24" s="19" t="s">
        <v>7</v>
      </c>
      <c r="F24" s="19" t="s">
        <v>7</v>
      </c>
    </row>
    <row r="25" spans="1:6" x14ac:dyDescent="0.25">
      <c r="A25" s="9">
        <v>0.16666666666666666</v>
      </c>
      <c r="B25" s="20">
        <v>0.23581198893096639</v>
      </c>
      <c r="C25" s="9">
        <v>1.4821580858141308</v>
      </c>
      <c r="D25" s="20">
        <v>5.5115921852165746E-2</v>
      </c>
      <c r="E25" s="9">
        <v>6.1840139756415627E-2</v>
      </c>
      <c r="F25" s="19">
        <v>13.859905160140634</v>
      </c>
    </row>
    <row r="26" spans="1:6" x14ac:dyDescent="0.25">
      <c r="A26" s="9">
        <v>0.41666666666666669</v>
      </c>
      <c r="B26" s="20">
        <v>0.40871665063070761</v>
      </c>
      <c r="C26" s="9">
        <v>1.6013513846797161</v>
      </c>
      <c r="D26" s="20">
        <v>3.529695789886985E-2</v>
      </c>
      <c r="E26" s="9">
        <v>3.8740833037277642E-2</v>
      </c>
      <c r="F26" s="19">
        <v>21.620474836273385</v>
      </c>
    </row>
    <row r="27" spans="1:6" x14ac:dyDescent="0.25">
      <c r="A27" s="9">
        <v>0.75</v>
      </c>
      <c r="B27" s="20">
        <v>0.62941319113820116</v>
      </c>
      <c r="C27" s="9">
        <v>1.638745615949954</v>
      </c>
      <c r="D27" s="20">
        <v>2.9689633074933167E-2</v>
      </c>
      <c r="E27" s="9">
        <v>3.2397965955483415E-2</v>
      </c>
      <c r="F27" s="19">
        <v>25.850392578129494</v>
      </c>
    </row>
    <row r="28" spans="1:6" x14ac:dyDescent="0.25">
      <c r="A28" s="9">
        <v>1.0833333333333333</v>
      </c>
      <c r="B28" s="20">
        <v>0.76620840126043266</v>
      </c>
      <c r="C28" s="9">
        <v>1.6551749957623647</v>
      </c>
      <c r="D28" s="20">
        <v>2.4908732441048579E-2</v>
      </c>
      <c r="E28" s="9">
        <v>2.7049619872968358E-2</v>
      </c>
      <c r="F28" s="19">
        <v>31.051228604602866</v>
      </c>
    </row>
    <row r="29" spans="1:6" x14ac:dyDescent="0.25">
      <c r="A29" s="9">
        <v>1.5</v>
      </c>
      <c r="B29" s="20">
        <v>0.86297410954849807</v>
      </c>
      <c r="C29" s="9">
        <v>1.7342627574996297</v>
      </c>
      <c r="D29" s="20">
        <v>1.9482075921049481E-2</v>
      </c>
      <c r="E29" s="9">
        <v>2.1039047515769731E-2</v>
      </c>
      <c r="F29" s="19">
        <v>39.91446833296952</v>
      </c>
    </row>
    <row r="30" spans="1:6" x14ac:dyDescent="0.25">
      <c r="A30" s="19"/>
      <c r="B30" s="37"/>
      <c r="C30" s="19"/>
      <c r="D30" s="37"/>
      <c r="E30" s="19"/>
      <c r="F30" s="19"/>
    </row>
    <row r="31" spans="1:6" x14ac:dyDescent="0.25">
      <c r="A31" s="38">
        <v>3</v>
      </c>
      <c r="B31" s="35"/>
      <c r="C31" s="35"/>
      <c r="D31" s="35"/>
      <c r="E31" s="35"/>
      <c r="F31" s="35"/>
    </row>
    <row r="32" spans="1:6" x14ac:dyDescent="0.25">
      <c r="A32" t="s">
        <v>58</v>
      </c>
      <c r="B32" t="s">
        <v>47</v>
      </c>
    </row>
    <row r="33" spans="1:6" x14ac:dyDescent="0.25">
      <c r="A33" t="s">
        <v>61</v>
      </c>
      <c r="B33">
        <v>1</v>
      </c>
      <c r="C33" t="s">
        <v>34</v>
      </c>
    </row>
    <row r="34" spans="1:6" x14ac:dyDescent="0.25">
      <c r="A34" t="s">
        <v>74</v>
      </c>
      <c r="B34">
        <v>7.8</v>
      </c>
      <c r="C34" t="s">
        <v>7</v>
      </c>
    </row>
    <row r="35" spans="1:6" x14ac:dyDescent="0.25">
      <c r="A35" t="s">
        <v>60</v>
      </c>
      <c r="B35">
        <v>65</v>
      </c>
      <c r="C35" t="s">
        <v>8</v>
      </c>
    </row>
    <row r="37" spans="1:6" x14ac:dyDescent="0.25">
      <c r="A37" s="9" t="s">
        <v>63</v>
      </c>
      <c r="B37" s="9" t="s">
        <v>64</v>
      </c>
      <c r="C37" s="9" t="s">
        <v>69</v>
      </c>
      <c r="D37" s="9" t="s">
        <v>71</v>
      </c>
      <c r="E37" s="9" t="s">
        <v>67</v>
      </c>
      <c r="F37" s="9" t="s">
        <v>72</v>
      </c>
    </row>
    <row r="38" spans="1:6" x14ac:dyDescent="0.25">
      <c r="A38" s="9" t="s">
        <v>65</v>
      </c>
      <c r="B38" s="9" t="s">
        <v>66</v>
      </c>
      <c r="C38" s="10" t="s">
        <v>70</v>
      </c>
      <c r="D38" s="10" t="s">
        <v>36</v>
      </c>
      <c r="E38" s="10" t="s">
        <v>68</v>
      </c>
      <c r="F38" s="10" t="s">
        <v>73</v>
      </c>
    </row>
    <row r="39" spans="1:6" x14ac:dyDescent="0.25">
      <c r="A39" s="9">
        <v>0</v>
      </c>
      <c r="B39" s="20">
        <v>2.2689147770934339E-4</v>
      </c>
      <c r="C39" s="19" t="s">
        <v>7</v>
      </c>
      <c r="D39" s="19" t="s">
        <v>7</v>
      </c>
      <c r="E39" s="19" t="s">
        <v>7</v>
      </c>
      <c r="F39" s="19" t="s">
        <v>7</v>
      </c>
    </row>
    <row r="40" spans="1:6" x14ac:dyDescent="0.25">
      <c r="A40" s="9">
        <v>0.16666666666666666</v>
      </c>
      <c r="B40" s="20">
        <v>0.10902523618235321</v>
      </c>
      <c r="C40" s="9">
        <v>2.5807994422015668</v>
      </c>
      <c r="D40" s="20">
        <v>7.0103242440843882E-3</v>
      </c>
      <c r="E40" s="29">
        <v>7.4787037256544391E-3</v>
      </c>
      <c r="F40" s="19" t="s">
        <v>7</v>
      </c>
    </row>
    <row r="41" spans="1:6" x14ac:dyDescent="0.25">
      <c r="A41" s="9">
        <v>0.41666666666666669</v>
      </c>
      <c r="B41" s="20">
        <v>0.30240807567663786</v>
      </c>
      <c r="C41" s="9">
        <v>2.2318463889844775</v>
      </c>
      <c r="D41" s="20">
        <v>9.7219430048421738E-3</v>
      </c>
      <c r="E41" s="29">
        <v>1.0403814480146545E-2</v>
      </c>
      <c r="F41" s="19">
        <v>88.291356533997956</v>
      </c>
    </row>
    <row r="42" spans="1:6" x14ac:dyDescent="0.25">
      <c r="A42" s="9">
        <v>0.75</v>
      </c>
      <c r="B42" s="20">
        <v>0.47104208331736608</v>
      </c>
      <c r="C42" s="9">
        <v>2.1552951209571551</v>
      </c>
      <c r="D42" s="20">
        <v>8.6519887114204636E-3</v>
      </c>
      <c r="E42" s="29">
        <v>9.2410039189508922E-3</v>
      </c>
      <c r="F42" s="19">
        <v>90.7679710666809</v>
      </c>
    </row>
    <row r="43" spans="1:6" x14ac:dyDescent="0.25">
      <c r="A43" s="9">
        <v>1.0833333333333333</v>
      </c>
      <c r="B43" s="20">
        <v>0.57951206561542357</v>
      </c>
      <c r="C43" s="9">
        <v>2.5974287443077149</v>
      </c>
      <c r="D43" s="20">
        <v>7.4857840118755185E-3</v>
      </c>
      <c r="E43" s="29">
        <v>7.9859294862627099E-3</v>
      </c>
      <c r="F43" s="19">
        <v>104.9149094143182</v>
      </c>
    </row>
    <row r="44" spans="1:6" x14ac:dyDescent="0.25">
      <c r="A44" s="9">
        <v>1.5</v>
      </c>
      <c r="B44" s="20">
        <v>0.68674614971370196</v>
      </c>
      <c r="C44" s="9">
        <v>2.0252644367202448</v>
      </c>
      <c r="D44" s="20">
        <v>6.7260084175794314E-3</v>
      </c>
      <c r="E44" s="29">
        <v>7.1700056186662087E-3</v>
      </c>
      <c r="F44" s="19">
        <v>117.10951239533922</v>
      </c>
    </row>
    <row r="46" spans="1:6" x14ac:dyDescent="0.25">
      <c r="A46" s="38">
        <v>4</v>
      </c>
      <c r="B46" s="35"/>
      <c r="C46" s="35"/>
      <c r="D46" s="35"/>
      <c r="E46" s="35"/>
      <c r="F46" s="35"/>
    </row>
    <row r="47" spans="1:6" x14ac:dyDescent="0.25">
      <c r="A47" t="s">
        <v>58</v>
      </c>
      <c r="B47" t="s">
        <v>48</v>
      </c>
    </row>
    <row r="48" spans="1:6" x14ac:dyDescent="0.25">
      <c r="A48" t="s">
        <v>61</v>
      </c>
      <c r="B48">
        <v>2</v>
      </c>
      <c r="C48" t="s">
        <v>34</v>
      </c>
    </row>
    <row r="49" spans="1:6" x14ac:dyDescent="0.25">
      <c r="A49" t="s">
        <v>74</v>
      </c>
      <c r="B49">
        <v>8</v>
      </c>
      <c r="C49" t="s">
        <v>7</v>
      </c>
    </row>
    <row r="50" spans="1:6" x14ac:dyDescent="0.25">
      <c r="A50" t="s">
        <v>60</v>
      </c>
      <c r="B50">
        <v>65</v>
      </c>
      <c r="C50" t="s">
        <v>8</v>
      </c>
    </row>
    <row r="52" spans="1:6" x14ac:dyDescent="0.25">
      <c r="A52" s="9" t="s">
        <v>63</v>
      </c>
      <c r="B52" s="9" t="s">
        <v>64</v>
      </c>
      <c r="C52" s="9" t="s">
        <v>69</v>
      </c>
      <c r="D52" s="9" t="s">
        <v>71</v>
      </c>
      <c r="E52" s="9" t="s">
        <v>67</v>
      </c>
      <c r="F52" s="9" t="s">
        <v>72</v>
      </c>
    </row>
    <row r="53" spans="1:6" x14ac:dyDescent="0.25">
      <c r="A53" s="9" t="s">
        <v>65</v>
      </c>
      <c r="B53" s="9" t="s">
        <v>66</v>
      </c>
      <c r="C53" s="10" t="s">
        <v>70</v>
      </c>
      <c r="D53" s="10" t="s">
        <v>36</v>
      </c>
      <c r="E53" s="10" t="s">
        <v>68</v>
      </c>
      <c r="F53" s="10" t="s">
        <v>73</v>
      </c>
    </row>
    <row r="54" spans="1:6" x14ac:dyDescent="0.25">
      <c r="A54" s="9">
        <v>0</v>
      </c>
      <c r="B54" s="20">
        <v>2.3411996704125886E-4</v>
      </c>
      <c r="C54" s="19" t="s">
        <v>7</v>
      </c>
      <c r="D54" s="19" t="s">
        <v>7</v>
      </c>
      <c r="E54" s="19" t="s">
        <v>7</v>
      </c>
      <c r="F54" s="19" t="s">
        <v>7</v>
      </c>
    </row>
    <row r="55" spans="1:6" x14ac:dyDescent="0.25">
      <c r="A55" s="9">
        <v>0.16666666666666666</v>
      </c>
      <c r="B55" s="20">
        <v>8.6660500835589765E-2</v>
      </c>
      <c r="C55" s="9">
        <v>1.3038497013520025</v>
      </c>
      <c r="D55" s="20">
        <v>2.2202046124659099E-2</v>
      </c>
      <c r="E55" s="29">
        <v>2.4043433050295625E-2</v>
      </c>
      <c r="F55" s="19">
        <v>34.937932167649663</v>
      </c>
    </row>
    <row r="56" spans="1:6" x14ac:dyDescent="0.25">
      <c r="A56" s="9">
        <v>0.41666666666666669</v>
      </c>
      <c r="B56" s="20">
        <v>0.19318768846352535</v>
      </c>
      <c r="C56" s="9">
        <v>1.4003366930197638</v>
      </c>
      <c r="D56" s="20">
        <v>1.8494269077791212E-2</v>
      </c>
      <c r="E56" s="29">
        <v>1.995594462754726E-2</v>
      </c>
      <c r="F56" s="19">
        <v>42.519786866301985</v>
      </c>
    </row>
    <row r="57" spans="1:6" x14ac:dyDescent="0.25">
      <c r="A57" s="9">
        <v>0.75</v>
      </c>
      <c r="B57" s="20">
        <v>0.34960327560953364</v>
      </c>
      <c r="C57" s="9">
        <v>1.5995113464411377</v>
      </c>
      <c r="D57" s="20">
        <v>1.6417660763041176E-2</v>
      </c>
      <c r="E57" s="29">
        <v>1.7676429135076215E-2</v>
      </c>
      <c r="F57" s="19">
        <v>47.851818376559848</v>
      </c>
    </row>
    <row r="58" spans="1:6" x14ac:dyDescent="0.25">
      <c r="A58" s="9">
        <v>1.0833333333333333</v>
      </c>
      <c r="B58" s="20">
        <v>0.52351197101247937</v>
      </c>
      <c r="C58" s="9">
        <v>1.7162004334808989</v>
      </c>
      <c r="D58" s="20">
        <v>1.5929447546359186E-2</v>
      </c>
      <c r="E58" s="29">
        <v>1.7143412813765892E-2</v>
      </c>
      <c r="F58" s="19">
        <v>49.563193886703047</v>
      </c>
    </row>
    <row r="59" spans="1:6" x14ac:dyDescent="0.25">
      <c r="A59" s="9">
        <v>1.5</v>
      </c>
      <c r="B59" s="20">
        <v>0.64636492434233439</v>
      </c>
      <c r="C59" s="9">
        <v>1.6980093995443144</v>
      </c>
      <c r="D59" s="20">
        <v>1.4365947007373966E-2</v>
      </c>
      <c r="E59" s="29">
        <v>1.5436107510452378E-2</v>
      </c>
      <c r="F59" s="19">
        <v>55.100370566768802</v>
      </c>
    </row>
  </sheetData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9F5DDB62B41D24CB974735F2B5F80B6" ma:contentTypeVersion="11" ma:contentTypeDescription="Create a new document." ma:contentTypeScope="" ma:versionID="64e1e7342c28aa042b28b64afb06f3b4">
  <xsd:schema xmlns:xsd="http://www.w3.org/2001/XMLSchema" xmlns:xs="http://www.w3.org/2001/XMLSchema" xmlns:p="http://schemas.microsoft.com/office/2006/metadata/properties" xmlns:ns3="62dac45c-a09b-4542-889f-7647871c89a7" xmlns:ns4="5b9dbb6f-f28e-4a32-a7d6-aa04ef18b565" targetNamespace="http://schemas.microsoft.com/office/2006/metadata/properties" ma:root="true" ma:fieldsID="3b24aba364f8dd93f450a54e20e074a1" ns3:_="" ns4:_="">
    <xsd:import namespace="62dac45c-a09b-4542-889f-7647871c89a7"/>
    <xsd:import namespace="5b9dbb6f-f28e-4a32-a7d6-aa04ef18b565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Locatio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2dac45c-a09b-4542-889f-7647871c89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3" nillable="true" ma:displayName="Location" ma:internalName="MediaServiceLocatio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9dbb6f-f28e-4a32-a7d6-aa04ef18b565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6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D1544F7C-A230-4CFF-A935-985B9EB3D029}">
  <ds:schemaRefs>
    <ds:schemaRef ds:uri="http://schemas.openxmlformats.org/package/2006/metadata/core-properties"/>
    <ds:schemaRef ds:uri="http://www.w3.org/XML/1998/namespace"/>
    <ds:schemaRef ds:uri="http://schemas.microsoft.com/office/infopath/2007/PartnerControls"/>
    <ds:schemaRef ds:uri="http://schemas.microsoft.com/office/2006/metadata/properties"/>
    <ds:schemaRef ds:uri="http://purl.org/dc/dcmitype/"/>
    <ds:schemaRef ds:uri="http://schemas.microsoft.com/office/2006/documentManagement/types"/>
    <ds:schemaRef ds:uri="http://purl.org/dc/elements/1.1/"/>
    <ds:schemaRef ds:uri="5b9dbb6f-f28e-4a32-a7d6-aa04ef18b565"/>
    <ds:schemaRef ds:uri="62dac45c-a09b-4542-889f-7647871c89a7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C765E7B2-01A9-4D81-A482-6AC0029AA0C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2dac45c-a09b-4542-889f-7647871c89a7"/>
    <ds:schemaRef ds:uri="5b9dbb6f-f28e-4a32-a7d6-aa04ef18b56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D63E557B-797E-44AD-9571-FB6FBAAAF1BC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3</vt:i4>
      </vt:variant>
    </vt:vector>
  </HeadingPairs>
  <TitlesOfParts>
    <vt:vector size="9" baseType="lpstr">
      <vt:lpstr>Contents</vt:lpstr>
      <vt:lpstr>Fig 1,2 &amp; 9</vt:lpstr>
      <vt:lpstr>Fig 4</vt:lpstr>
      <vt:lpstr>Fig 5, 7, 8, 10</vt:lpstr>
      <vt:lpstr>Fig 6</vt:lpstr>
      <vt:lpstr>Fig 11, 12</vt:lpstr>
      <vt:lpstr>Contents!_Hlk130041943</vt:lpstr>
      <vt:lpstr>Contents!_Hlk130042002</vt:lpstr>
      <vt:lpstr>Contents!_Toc132033524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clennan Hulme</dc:creator>
  <cp:lastModifiedBy>Luqmani, Ben</cp:lastModifiedBy>
  <dcterms:created xsi:type="dcterms:W3CDTF">2021-02-10T13:20:44Z</dcterms:created>
  <dcterms:modified xsi:type="dcterms:W3CDTF">2023-04-21T12:59:5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9F5DDB62B41D24CB974735F2B5F80B6</vt:lpwstr>
  </property>
</Properties>
</file>